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media/image14.jpg" ContentType="image/png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98" r:id="rId4"/>
  </p:sldMasterIdLst>
  <p:notesMasterIdLst>
    <p:notesMasterId r:id="rId11"/>
  </p:notesMasterIdLst>
  <p:handoutMasterIdLst>
    <p:handoutMasterId r:id="rId12"/>
  </p:handoutMasterIdLst>
  <p:sldIdLst>
    <p:sldId id="265" r:id="rId5"/>
    <p:sldId id="271" r:id="rId6"/>
    <p:sldId id="257" r:id="rId7"/>
    <p:sldId id="273" r:id="rId8"/>
    <p:sldId id="272" r:id="rId9"/>
    <p:sldId id="268" r:id="rId10"/>
  </p:sldIdLst>
  <p:sldSz cx="12192000" cy="6858000"/>
  <p:notesSz cx="6858000" cy="923925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Jason Gutierrez" initials="JG" lastIdx="1" clrIdx="0">
    <p:extLst>
      <p:ext uri="{19B8F6BF-5375-455C-9EA6-DF929625EA0E}">
        <p15:presenceInfo xmlns:p15="http://schemas.microsoft.com/office/powerpoint/2012/main" userId="S::Jason.Gutierrez@untsystem.edu::71389534-91e4-49ce-b632-7aef4b54e7b6" providerId="AD"/>
      </p:ext>
    </p:extLst>
  </p:cmAuthor>
  <p:cmAuthor id="2" name="Mendez, Larry" initials="ML" lastIdx="1" clrIdx="1">
    <p:extLst>
      <p:ext uri="{19B8F6BF-5375-455C-9EA6-DF929625EA0E}">
        <p15:presenceInfo xmlns:p15="http://schemas.microsoft.com/office/powerpoint/2012/main" userId="Mendez, Larry" providerId="None"/>
      </p:ext>
    </p:extLst>
  </p:cmAuthor>
  <p:cmAuthor id="3" name="Daniel, Bryan" initials="DB" lastIdx="5" clrIdx="2">
    <p:extLst>
      <p:ext uri="{19B8F6BF-5375-455C-9EA6-DF929625EA0E}">
        <p15:presenceInfo xmlns:p15="http://schemas.microsoft.com/office/powerpoint/2012/main" userId="S::bryan.daniel@untsystem.edu::a25626a2-c366-4b7b-8938-3649bc5ade1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746"/>
    <p:restoredTop sz="94688"/>
  </p:normalViewPr>
  <p:slideViewPr>
    <p:cSldViewPr snapToGrid="0">
      <p:cViewPr varScale="1">
        <p:scale>
          <a:sx n="54" d="100"/>
          <a:sy n="54" d="100"/>
        </p:scale>
        <p:origin x="1416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1.png"/><Relationship Id="rId7" Type="http://schemas.openxmlformats.org/officeDocument/2006/relationships/image" Target="../media/image13.png"/><Relationship Id="rId2" Type="http://schemas.openxmlformats.org/officeDocument/2006/relationships/image" Target="../media/image11.svg"/><Relationship Id="rId1" Type="http://schemas.openxmlformats.org/officeDocument/2006/relationships/image" Target="../media/image10.png"/><Relationship Id="rId6" Type="http://schemas.openxmlformats.org/officeDocument/2006/relationships/image" Target="../media/image15.svg"/><Relationship Id="rId5" Type="http://schemas.openxmlformats.org/officeDocument/2006/relationships/image" Target="../media/image12.png"/><Relationship Id="rId4" Type="http://schemas.openxmlformats.org/officeDocument/2006/relationships/image" Target="../media/image13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798D61A-D26D-4342-A0EA-D373B11B8C25}" type="doc">
      <dgm:prSet loTypeId="urn:microsoft.com/office/officeart/2018/5/layout/IconCircleLabelList" loCatId="icon" qsTypeId="urn:microsoft.com/office/officeart/2005/8/quickstyle/simple1" qsCatId="simple" csTypeId="urn:microsoft.com/office/officeart/2018/5/colors/Iconchunking_neutralicon_colorful1" csCatId="colorful" phldr="1"/>
      <dgm:spPr/>
      <dgm:t>
        <a:bodyPr/>
        <a:lstStyle/>
        <a:p>
          <a:endParaRPr lang="en-US"/>
        </a:p>
      </dgm:t>
    </dgm:pt>
    <dgm:pt modelId="{D139B21D-F590-4DFD-A348-5FCD9FA0770C}">
      <dgm:prSet/>
      <dgm:spPr/>
      <dgm:t>
        <a:bodyPr/>
        <a:lstStyle/>
        <a:p>
          <a:pPr>
            <a:defRPr cap="all"/>
          </a:pPr>
          <a:r>
            <a:rPr lang="en-US" dirty="0"/>
            <a:t>Website: icp.untdallas.edu</a:t>
          </a:r>
        </a:p>
      </dgm:t>
    </dgm:pt>
    <dgm:pt modelId="{AC0D2B93-319A-465A-9BB6-CC010080F232}" type="parTrans" cxnId="{E18FC1AF-B51B-4CAF-99F3-DE7403EB9BBE}">
      <dgm:prSet/>
      <dgm:spPr/>
      <dgm:t>
        <a:bodyPr/>
        <a:lstStyle/>
        <a:p>
          <a:endParaRPr lang="en-US"/>
        </a:p>
      </dgm:t>
    </dgm:pt>
    <dgm:pt modelId="{D2A78DDB-4DC7-4819-927F-95CA35B8408E}" type="sibTrans" cxnId="{E18FC1AF-B51B-4CAF-99F3-DE7403EB9BBE}">
      <dgm:prSet/>
      <dgm:spPr/>
      <dgm:t>
        <a:bodyPr/>
        <a:lstStyle/>
        <a:p>
          <a:endParaRPr lang="en-US"/>
        </a:p>
      </dgm:t>
    </dgm:pt>
    <dgm:pt modelId="{BB793F43-796A-4DAD-9591-8D682A07F1C8}">
      <dgm:prSet/>
      <dgm:spPr/>
      <dgm:t>
        <a:bodyPr/>
        <a:lstStyle/>
        <a:p>
          <a:pPr>
            <a:defRPr cap="all"/>
          </a:pPr>
          <a:r>
            <a:rPr lang="en-US" dirty="0"/>
            <a:t>Online Sessions with Microsoft: </a:t>
          </a:r>
        </a:p>
        <a:p>
          <a:pPr>
            <a:defRPr cap="all"/>
          </a:pPr>
          <a:r>
            <a:rPr lang="en-US" b="0" i="0" dirty="0"/>
            <a:t>every Thursday from 9:30 – 10:30 a.m.</a:t>
          </a:r>
          <a:endParaRPr lang="en-US" dirty="0"/>
        </a:p>
      </dgm:t>
    </dgm:pt>
    <dgm:pt modelId="{DB05B189-7612-4DA3-BECF-08A60129CCA1}" type="parTrans" cxnId="{98F41D43-B712-4F17-96A3-4283542E363E}">
      <dgm:prSet/>
      <dgm:spPr/>
      <dgm:t>
        <a:bodyPr/>
        <a:lstStyle/>
        <a:p>
          <a:endParaRPr lang="en-US"/>
        </a:p>
      </dgm:t>
    </dgm:pt>
    <dgm:pt modelId="{3E8AD9F7-4BB3-484F-8183-F355BC689A7B}" type="sibTrans" cxnId="{98F41D43-B712-4F17-96A3-4283542E363E}">
      <dgm:prSet/>
      <dgm:spPr/>
      <dgm:t>
        <a:bodyPr/>
        <a:lstStyle/>
        <a:p>
          <a:endParaRPr lang="en-US"/>
        </a:p>
      </dgm:t>
    </dgm:pt>
    <dgm:pt modelId="{025A43C0-4D97-4FA9-9E67-A37D2F141DBB}">
      <dgm:prSet/>
      <dgm:spPr/>
      <dgm:t>
        <a:bodyPr/>
        <a:lstStyle/>
        <a:p>
          <a:pPr>
            <a:defRPr cap="all"/>
          </a:pPr>
          <a:r>
            <a:rPr lang="en-US" dirty="0"/>
            <a:t>Self-Paced Learning: TBA</a:t>
          </a:r>
        </a:p>
      </dgm:t>
    </dgm:pt>
    <dgm:pt modelId="{9440FEDD-8867-4F97-9CF5-7DDE04F8F547}" type="parTrans" cxnId="{70212235-9E8A-485F-B74F-8127A4CAD8F7}">
      <dgm:prSet/>
      <dgm:spPr/>
      <dgm:t>
        <a:bodyPr/>
        <a:lstStyle/>
        <a:p>
          <a:endParaRPr lang="en-US"/>
        </a:p>
      </dgm:t>
    </dgm:pt>
    <dgm:pt modelId="{07C6AA95-9D02-4123-A9D9-DCB4AFE69E34}" type="sibTrans" cxnId="{70212235-9E8A-485F-B74F-8127A4CAD8F7}">
      <dgm:prSet/>
      <dgm:spPr/>
      <dgm:t>
        <a:bodyPr/>
        <a:lstStyle/>
        <a:p>
          <a:endParaRPr lang="en-US"/>
        </a:p>
      </dgm:t>
    </dgm:pt>
    <dgm:pt modelId="{3F966658-02D7-436E-8FB6-792D66F6845B}">
      <dgm:prSet/>
      <dgm:spPr/>
      <dgm:t>
        <a:bodyPr/>
        <a:lstStyle/>
        <a:p>
          <a:pPr>
            <a:defRPr cap="all"/>
          </a:pPr>
          <a:r>
            <a:rPr lang="en-US"/>
            <a:t>One-on-One training with OIT</a:t>
          </a:r>
        </a:p>
      </dgm:t>
    </dgm:pt>
    <dgm:pt modelId="{AC4F6297-95BA-48A3-8AE5-FC2857CBBB34}" type="parTrans" cxnId="{03E950BF-D6C3-44E9-A3E7-ADEED5457A75}">
      <dgm:prSet/>
      <dgm:spPr/>
      <dgm:t>
        <a:bodyPr/>
        <a:lstStyle/>
        <a:p>
          <a:endParaRPr lang="en-US"/>
        </a:p>
      </dgm:t>
    </dgm:pt>
    <dgm:pt modelId="{EA6C661A-E618-406A-B160-ABD28E0D9E5C}" type="sibTrans" cxnId="{03E950BF-D6C3-44E9-A3E7-ADEED5457A75}">
      <dgm:prSet/>
      <dgm:spPr/>
      <dgm:t>
        <a:bodyPr/>
        <a:lstStyle/>
        <a:p>
          <a:endParaRPr lang="en-US"/>
        </a:p>
      </dgm:t>
    </dgm:pt>
    <dgm:pt modelId="{1F83EDBC-9B81-43BD-AE1C-02BE0C112A58}" type="pres">
      <dgm:prSet presAssocID="{3798D61A-D26D-4342-A0EA-D373B11B8C25}" presName="root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40759E79-A19E-4D9D-A5A8-82440BB740E9}" type="pres">
      <dgm:prSet presAssocID="{D139B21D-F590-4DFD-A348-5FCD9FA0770C}" presName="compNode" presStyleCnt="0"/>
      <dgm:spPr/>
    </dgm:pt>
    <dgm:pt modelId="{513562CB-2202-4E2B-975E-1D99860C5A6B}" type="pres">
      <dgm:prSet presAssocID="{D139B21D-F590-4DFD-A348-5FCD9FA0770C}" presName="iconBgRect" presStyleLbl="bgShp" presStyleIdx="0" presStyleCnt="4"/>
      <dgm:spPr/>
    </dgm:pt>
    <dgm:pt modelId="{DD64F1C5-CC82-4E66-BECB-6CDB827E454E}" type="pres">
      <dgm:prSet presAssocID="{D139B21D-F590-4DFD-A348-5FCD9FA0770C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onitor"/>
        </a:ext>
      </dgm:extLst>
    </dgm:pt>
    <dgm:pt modelId="{30526B2A-BB48-4B92-9EFC-5F5912B6AE01}" type="pres">
      <dgm:prSet presAssocID="{D139B21D-F590-4DFD-A348-5FCD9FA0770C}" presName="spaceRect" presStyleCnt="0"/>
      <dgm:spPr/>
    </dgm:pt>
    <dgm:pt modelId="{E2B3A9C7-1F2C-4369-A076-A06B344EE9D9}" type="pres">
      <dgm:prSet presAssocID="{D139B21D-F590-4DFD-A348-5FCD9FA0770C}" presName="textRect" presStyleLbl="revTx" presStyleIdx="0" presStyleCnt="4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B9967AFA-6692-41E9-9F66-0853A84FCFC5}" type="pres">
      <dgm:prSet presAssocID="{D2A78DDB-4DC7-4819-927F-95CA35B8408E}" presName="sibTrans" presStyleCnt="0"/>
      <dgm:spPr/>
    </dgm:pt>
    <dgm:pt modelId="{CA412AA1-EA17-4DB5-B579-FAF9ECC7F8FC}" type="pres">
      <dgm:prSet presAssocID="{BB793F43-796A-4DAD-9591-8D682A07F1C8}" presName="compNode" presStyleCnt="0"/>
      <dgm:spPr/>
    </dgm:pt>
    <dgm:pt modelId="{D18C82C9-D64B-443B-A86A-F1D1D26F3C84}" type="pres">
      <dgm:prSet presAssocID="{BB793F43-796A-4DAD-9591-8D682A07F1C8}" presName="iconBgRect" presStyleLbl="bgShp" presStyleIdx="1" presStyleCnt="4"/>
      <dgm:spPr/>
    </dgm:pt>
    <dgm:pt modelId="{FAD63262-01D9-4C87-A48A-C8B7C0C45A7E}" type="pres">
      <dgm:prSet presAssocID="{BB793F43-796A-4DAD-9591-8D682A07F1C8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A4FA567D-3E20-49E3-BFFC-DF123019C08B}" type="pres">
      <dgm:prSet presAssocID="{BB793F43-796A-4DAD-9591-8D682A07F1C8}" presName="spaceRect" presStyleCnt="0"/>
      <dgm:spPr/>
    </dgm:pt>
    <dgm:pt modelId="{518E137C-F8A8-42A3-BEBC-4D5BF002A7C3}" type="pres">
      <dgm:prSet presAssocID="{BB793F43-796A-4DAD-9591-8D682A07F1C8}" presName="textRect" presStyleLbl="revTx" presStyleIdx="1" presStyleCnt="4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0025C64B-CFAE-4DEC-8E4A-48D43CA24B9D}" type="pres">
      <dgm:prSet presAssocID="{3E8AD9F7-4BB3-484F-8183-F355BC689A7B}" presName="sibTrans" presStyleCnt="0"/>
      <dgm:spPr/>
    </dgm:pt>
    <dgm:pt modelId="{943070FC-3059-4478-8472-3D83E88EA921}" type="pres">
      <dgm:prSet presAssocID="{025A43C0-4D97-4FA9-9E67-A37D2F141DBB}" presName="compNode" presStyleCnt="0"/>
      <dgm:spPr/>
    </dgm:pt>
    <dgm:pt modelId="{80572609-F63A-4A15-A88D-67BF002A80C5}" type="pres">
      <dgm:prSet presAssocID="{025A43C0-4D97-4FA9-9E67-A37D2F141DBB}" presName="iconBgRect" presStyleLbl="bgShp" presStyleIdx="2" presStyleCnt="4"/>
      <dgm:spPr/>
    </dgm:pt>
    <dgm:pt modelId="{668ABF24-85E8-4938-9103-16C4A2EA030D}" type="pres">
      <dgm:prSet presAssocID="{025A43C0-4D97-4FA9-9E67-A37D2F141DBB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lassroom"/>
        </a:ext>
      </dgm:extLst>
    </dgm:pt>
    <dgm:pt modelId="{6036D421-EF72-476A-AC34-86E1A316D144}" type="pres">
      <dgm:prSet presAssocID="{025A43C0-4D97-4FA9-9E67-A37D2F141DBB}" presName="spaceRect" presStyleCnt="0"/>
      <dgm:spPr/>
    </dgm:pt>
    <dgm:pt modelId="{C4348732-CFF2-467D-813A-B56C560157C1}" type="pres">
      <dgm:prSet presAssocID="{025A43C0-4D97-4FA9-9E67-A37D2F141DBB}" presName="textRect" presStyleLbl="revTx" presStyleIdx="2" presStyleCnt="4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  <dgm:pt modelId="{E379CFA0-29B5-46EA-82AF-523EDCB868CA}" type="pres">
      <dgm:prSet presAssocID="{07C6AA95-9D02-4123-A9D9-DCB4AFE69E34}" presName="sibTrans" presStyleCnt="0"/>
      <dgm:spPr/>
    </dgm:pt>
    <dgm:pt modelId="{2EE99B37-E072-4985-99CB-CD5C67B7BB15}" type="pres">
      <dgm:prSet presAssocID="{3F966658-02D7-436E-8FB6-792D66F6845B}" presName="compNode" presStyleCnt="0"/>
      <dgm:spPr/>
    </dgm:pt>
    <dgm:pt modelId="{5326E1BC-487C-4F5D-A76D-83D46D57D7BB}" type="pres">
      <dgm:prSet presAssocID="{3F966658-02D7-436E-8FB6-792D66F6845B}" presName="iconBgRect" presStyleLbl="bgShp" presStyleIdx="3" presStyleCnt="4"/>
      <dgm:spPr/>
    </dgm:pt>
    <dgm:pt modelId="{A7138F90-2338-4098-9519-DD67AC11C4F9}" type="pres">
      <dgm:prSet presAssocID="{3F966658-02D7-436E-8FB6-792D66F6845B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roup of People"/>
        </a:ext>
      </dgm:extLst>
    </dgm:pt>
    <dgm:pt modelId="{71BC5372-E1CA-46D5-BD2C-116FFA78BF7C}" type="pres">
      <dgm:prSet presAssocID="{3F966658-02D7-436E-8FB6-792D66F6845B}" presName="spaceRect" presStyleCnt="0"/>
      <dgm:spPr/>
    </dgm:pt>
    <dgm:pt modelId="{A14BE4AE-2E3E-4B94-A55B-13689A0A765D}" type="pres">
      <dgm:prSet presAssocID="{3F966658-02D7-436E-8FB6-792D66F6845B}" presName="textRect" presStyleLbl="revTx" presStyleIdx="3" presStyleCnt="4">
        <dgm:presLayoutVars>
          <dgm:chMax val="1"/>
          <dgm:chPref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DBC1E65-D4AA-45FD-B2D8-E1BE70BDA1A1}" type="presOf" srcId="{3F966658-02D7-436E-8FB6-792D66F6845B}" destId="{A14BE4AE-2E3E-4B94-A55B-13689A0A765D}" srcOrd="0" destOrd="0" presId="urn:microsoft.com/office/officeart/2018/5/layout/IconCircleLabelList"/>
    <dgm:cxn modelId="{70212235-9E8A-485F-B74F-8127A4CAD8F7}" srcId="{3798D61A-D26D-4342-A0EA-D373B11B8C25}" destId="{025A43C0-4D97-4FA9-9E67-A37D2F141DBB}" srcOrd="2" destOrd="0" parTransId="{9440FEDD-8867-4F97-9CF5-7DDE04F8F547}" sibTransId="{07C6AA95-9D02-4123-A9D9-DCB4AFE69E34}"/>
    <dgm:cxn modelId="{FDA5CF39-2AA8-4D2C-A821-21AE92BF468C}" type="presOf" srcId="{3798D61A-D26D-4342-A0EA-D373B11B8C25}" destId="{1F83EDBC-9B81-43BD-AE1C-02BE0C112A58}" srcOrd="0" destOrd="0" presId="urn:microsoft.com/office/officeart/2018/5/layout/IconCircleLabelList"/>
    <dgm:cxn modelId="{E18FC1AF-B51B-4CAF-99F3-DE7403EB9BBE}" srcId="{3798D61A-D26D-4342-A0EA-D373B11B8C25}" destId="{D139B21D-F590-4DFD-A348-5FCD9FA0770C}" srcOrd="0" destOrd="0" parTransId="{AC0D2B93-319A-465A-9BB6-CC010080F232}" sibTransId="{D2A78DDB-4DC7-4819-927F-95CA35B8408E}"/>
    <dgm:cxn modelId="{8C898E90-54B4-4CCD-8FDA-CD80A99C7CD2}" type="presOf" srcId="{BB793F43-796A-4DAD-9591-8D682A07F1C8}" destId="{518E137C-F8A8-42A3-BEBC-4D5BF002A7C3}" srcOrd="0" destOrd="0" presId="urn:microsoft.com/office/officeart/2018/5/layout/IconCircleLabelList"/>
    <dgm:cxn modelId="{D1AF81F0-4624-4A76-92D7-05B8CFF874E6}" type="presOf" srcId="{D139B21D-F590-4DFD-A348-5FCD9FA0770C}" destId="{E2B3A9C7-1F2C-4369-A076-A06B344EE9D9}" srcOrd="0" destOrd="0" presId="urn:microsoft.com/office/officeart/2018/5/layout/IconCircleLabelList"/>
    <dgm:cxn modelId="{D0A7E1EC-0569-42DA-8A90-64A70DA71FC4}" type="presOf" srcId="{025A43C0-4D97-4FA9-9E67-A37D2F141DBB}" destId="{C4348732-CFF2-467D-813A-B56C560157C1}" srcOrd="0" destOrd="0" presId="urn:microsoft.com/office/officeart/2018/5/layout/IconCircleLabelList"/>
    <dgm:cxn modelId="{98F41D43-B712-4F17-96A3-4283542E363E}" srcId="{3798D61A-D26D-4342-A0EA-D373B11B8C25}" destId="{BB793F43-796A-4DAD-9591-8D682A07F1C8}" srcOrd="1" destOrd="0" parTransId="{DB05B189-7612-4DA3-BECF-08A60129CCA1}" sibTransId="{3E8AD9F7-4BB3-484F-8183-F355BC689A7B}"/>
    <dgm:cxn modelId="{03E950BF-D6C3-44E9-A3E7-ADEED5457A75}" srcId="{3798D61A-D26D-4342-A0EA-D373B11B8C25}" destId="{3F966658-02D7-436E-8FB6-792D66F6845B}" srcOrd="3" destOrd="0" parTransId="{AC4F6297-95BA-48A3-8AE5-FC2857CBBB34}" sibTransId="{EA6C661A-E618-406A-B160-ABD28E0D9E5C}"/>
    <dgm:cxn modelId="{78B540E0-2753-4DDC-878B-DDCB8EB7AC5C}" type="presParOf" srcId="{1F83EDBC-9B81-43BD-AE1C-02BE0C112A58}" destId="{40759E79-A19E-4D9D-A5A8-82440BB740E9}" srcOrd="0" destOrd="0" presId="urn:microsoft.com/office/officeart/2018/5/layout/IconCircleLabelList"/>
    <dgm:cxn modelId="{70E309C6-1F1D-4968-A753-52B706B5005B}" type="presParOf" srcId="{40759E79-A19E-4D9D-A5A8-82440BB740E9}" destId="{513562CB-2202-4E2B-975E-1D99860C5A6B}" srcOrd="0" destOrd="0" presId="urn:microsoft.com/office/officeart/2018/5/layout/IconCircleLabelList"/>
    <dgm:cxn modelId="{2DB9B2EC-B19C-4B21-8F6A-EF6EBDC661F9}" type="presParOf" srcId="{40759E79-A19E-4D9D-A5A8-82440BB740E9}" destId="{DD64F1C5-CC82-4E66-BECB-6CDB827E454E}" srcOrd="1" destOrd="0" presId="urn:microsoft.com/office/officeart/2018/5/layout/IconCircleLabelList"/>
    <dgm:cxn modelId="{B06585CB-1721-4329-B967-D99C69DA58EC}" type="presParOf" srcId="{40759E79-A19E-4D9D-A5A8-82440BB740E9}" destId="{30526B2A-BB48-4B92-9EFC-5F5912B6AE01}" srcOrd="2" destOrd="0" presId="urn:microsoft.com/office/officeart/2018/5/layout/IconCircleLabelList"/>
    <dgm:cxn modelId="{5BD4F9DE-A49D-4E83-8422-72E36FEAD34B}" type="presParOf" srcId="{40759E79-A19E-4D9D-A5A8-82440BB740E9}" destId="{E2B3A9C7-1F2C-4369-A076-A06B344EE9D9}" srcOrd="3" destOrd="0" presId="urn:microsoft.com/office/officeart/2018/5/layout/IconCircleLabelList"/>
    <dgm:cxn modelId="{EB65F29D-15E7-4D45-A3DF-21A78E0E54F5}" type="presParOf" srcId="{1F83EDBC-9B81-43BD-AE1C-02BE0C112A58}" destId="{B9967AFA-6692-41E9-9F66-0853A84FCFC5}" srcOrd="1" destOrd="0" presId="urn:microsoft.com/office/officeart/2018/5/layout/IconCircleLabelList"/>
    <dgm:cxn modelId="{DA0A07C1-B93B-43C2-8C26-3ED2B0C3546D}" type="presParOf" srcId="{1F83EDBC-9B81-43BD-AE1C-02BE0C112A58}" destId="{CA412AA1-EA17-4DB5-B579-FAF9ECC7F8FC}" srcOrd="2" destOrd="0" presId="urn:microsoft.com/office/officeart/2018/5/layout/IconCircleLabelList"/>
    <dgm:cxn modelId="{90670FB1-B0FE-4FA7-A955-88F5C8647836}" type="presParOf" srcId="{CA412AA1-EA17-4DB5-B579-FAF9ECC7F8FC}" destId="{D18C82C9-D64B-443B-A86A-F1D1D26F3C84}" srcOrd="0" destOrd="0" presId="urn:microsoft.com/office/officeart/2018/5/layout/IconCircleLabelList"/>
    <dgm:cxn modelId="{D5408463-CA25-4531-A076-18A7CAABE4EA}" type="presParOf" srcId="{CA412AA1-EA17-4DB5-B579-FAF9ECC7F8FC}" destId="{FAD63262-01D9-4C87-A48A-C8B7C0C45A7E}" srcOrd="1" destOrd="0" presId="urn:microsoft.com/office/officeart/2018/5/layout/IconCircleLabelList"/>
    <dgm:cxn modelId="{660B58DF-B1BF-4689-AC75-127CD9E173CC}" type="presParOf" srcId="{CA412AA1-EA17-4DB5-B579-FAF9ECC7F8FC}" destId="{A4FA567D-3E20-49E3-BFFC-DF123019C08B}" srcOrd="2" destOrd="0" presId="urn:microsoft.com/office/officeart/2018/5/layout/IconCircleLabelList"/>
    <dgm:cxn modelId="{B353A20D-B4ED-45AF-AFC2-923CF99FA875}" type="presParOf" srcId="{CA412AA1-EA17-4DB5-B579-FAF9ECC7F8FC}" destId="{518E137C-F8A8-42A3-BEBC-4D5BF002A7C3}" srcOrd="3" destOrd="0" presId="urn:microsoft.com/office/officeart/2018/5/layout/IconCircleLabelList"/>
    <dgm:cxn modelId="{F4E84D30-3F5E-4F1F-BD6E-2AF8D203C52C}" type="presParOf" srcId="{1F83EDBC-9B81-43BD-AE1C-02BE0C112A58}" destId="{0025C64B-CFAE-4DEC-8E4A-48D43CA24B9D}" srcOrd="3" destOrd="0" presId="urn:microsoft.com/office/officeart/2018/5/layout/IconCircleLabelList"/>
    <dgm:cxn modelId="{636A9EC1-660A-41BA-BC6D-B5E93CAF9812}" type="presParOf" srcId="{1F83EDBC-9B81-43BD-AE1C-02BE0C112A58}" destId="{943070FC-3059-4478-8472-3D83E88EA921}" srcOrd="4" destOrd="0" presId="urn:microsoft.com/office/officeart/2018/5/layout/IconCircleLabelList"/>
    <dgm:cxn modelId="{B52E4B6B-3991-4FFA-8F91-FB8B0411A8E9}" type="presParOf" srcId="{943070FC-3059-4478-8472-3D83E88EA921}" destId="{80572609-F63A-4A15-A88D-67BF002A80C5}" srcOrd="0" destOrd="0" presId="urn:microsoft.com/office/officeart/2018/5/layout/IconCircleLabelList"/>
    <dgm:cxn modelId="{ED62E62A-1689-4D55-A287-74B16A396C11}" type="presParOf" srcId="{943070FC-3059-4478-8472-3D83E88EA921}" destId="{668ABF24-85E8-4938-9103-16C4A2EA030D}" srcOrd="1" destOrd="0" presId="urn:microsoft.com/office/officeart/2018/5/layout/IconCircleLabelList"/>
    <dgm:cxn modelId="{3BF38497-C235-4AC6-809F-C0086F84670B}" type="presParOf" srcId="{943070FC-3059-4478-8472-3D83E88EA921}" destId="{6036D421-EF72-476A-AC34-86E1A316D144}" srcOrd="2" destOrd="0" presId="urn:microsoft.com/office/officeart/2018/5/layout/IconCircleLabelList"/>
    <dgm:cxn modelId="{BC237C02-35B7-47CA-B996-4975956C869C}" type="presParOf" srcId="{943070FC-3059-4478-8472-3D83E88EA921}" destId="{C4348732-CFF2-467D-813A-B56C560157C1}" srcOrd="3" destOrd="0" presId="urn:microsoft.com/office/officeart/2018/5/layout/IconCircleLabelList"/>
    <dgm:cxn modelId="{434B9960-10A8-46DB-A2C8-BEB824427775}" type="presParOf" srcId="{1F83EDBC-9B81-43BD-AE1C-02BE0C112A58}" destId="{E379CFA0-29B5-46EA-82AF-523EDCB868CA}" srcOrd="5" destOrd="0" presId="urn:microsoft.com/office/officeart/2018/5/layout/IconCircleLabelList"/>
    <dgm:cxn modelId="{DC44CEB4-40AB-47F4-8BF3-9CF7CF1B4378}" type="presParOf" srcId="{1F83EDBC-9B81-43BD-AE1C-02BE0C112A58}" destId="{2EE99B37-E072-4985-99CB-CD5C67B7BB15}" srcOrd="6" destOrd="0" presId="urn:microsoft.com/office/officeart/2018/5/layout/IconCircleLabelList"/>
    <dgm:cxn modelId="{51C4F569-8678-4DA1-914B-117F5CCED006}" type="presParOf" srcId="{2EE99B37-E072-4985-99CB-CD5C67B7BB15}" destId="{5326E1BC-487C-4F5D-A76D-83D46D57D7BB}" srcOrd="0" destOrd="0" presId="urn:microsoft.com/office/officeart/2018/5/layout/IconCircleLabelList"/>
    <dgm:cxn modelId="{A0A0D5D6-C297-4719-9FF5-154F64D471AF}" type="presParOf" srcId="{2EE99B37-E072-4985-99CB-CD5C67B7BB15}" destId="{A7138F90-2338-4098-9519-DD67AC11C4F9}" srcOrd="1" destOrd="0" presId="urn:microsoft.com/office/officeart/2018/5/layout/IconCircleLabelList"/>
    <dgm:cxn modelId="{0B0A7D2B-76B9-49EF-B7C8-39C3984D41DE}" type="presParOf" srcId="{2EE99B37-E072-4985-99CB-CD5C67B7BB15}" destId="{71BC5372-E1CA-46D5-BD2C-116FFA78BF7C}" srcOrd="2" destOrd="0" presId="urn:microsoft.com/office/officeart/2018/5/layout/IconCircleLabelList"/>
    <dgm:cxn modelId="{7F006DE7-DC79-4759-B470-DA976ECDCF21}" type="presParOf" srcId="{2EE99B37-E072-4985-99CB-CD5C67B7BB15}" destId="{A14BE4AE-2E3E-4B94-A55B-13689A0A765D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 xmlns="">
        <a:lvl1pPr>
          <a:lnSpc>
            <a:spcPct val="100000"/>
          </a:lnSpc>
          <a:defRPr cap="all"/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xmlns="" id="{D658FC02-9069-41CE-BFAF-D216B8F8661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6356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r>
              <a:rPr lang="en-US"/>
              <a:t>affdsaf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F0AF3E95-070C-458D-8E9B-087D973638E6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6356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8325BFD-046F-4423-80FB-D37F44425D36}" type="datetime1">
              <a:rPr lang="en-US" smtClean="0"/>
              <a:t>11/20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6E1708A8-1873-4EDD-BABD-2272105324C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775684"/>
            <a:ext cx="2971800" cy="46356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adfsdasf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8FF84953-A96E-4491-BB7E-BA8251BF242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775684"/>
            <a:ext cx="2971800" cy="46356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BD74934-318B-4309-BE4A-D97F609B8E5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91893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6356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r>
              <a:rPr lang="en-US"/>
              <a:t>affdsaf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6356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C52AD3-60F1-42E4-B32E-0F2AC81E68B1}" type="datetime1">
              <a:rPr lang="en-US" smtClean="0"/>
              <a:t>11/20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57225" y="1154113"/>
            <a:ext cx="5543550" cy="31194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46389"/>
            <a:ext cx="5486400" cy="363795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775684"/>
            <a:ext cx="2971800" cy="46356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adfsdasf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775684"/>
            <a:ext cx="2971800" cy="46356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633F0A-91DE-4B55-B7B3-CB690401126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7909601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633F0A-91DE-4B55-B7B3-CB690401126D}" type="slidenum">
              <a:rPr lang="en-US" smtClean="0"/>
              <a:t>1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54B51739-A792-433B-B8A5-DAE554019043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1DD04F52-6C68-4F8D-B6CC-06CF05470362}" type="datetime1">
              <a:rPr lang="en-US" smtClean="0"/>
              <a:t>11/20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632111AE-2F96-4435-9742-659A004C3A86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adfsdasf</a:t>
            </a:r>
          </a:p>
        </p:txBody>
      </p:sp>
      <p:sp>
        <p:nvSpPr>
          <p:cNvPr id="7" name="Header Placeholder 6">
            <a:extLst>
              <a:ext uri="{FF2B5EF4-FFF2-40B4-BE49-F238E27FC236}">
                <a16:creationId xmlns:a16="http://schemas.microsoft.com/office/drawing/2014/main" xmlns="" id="{D2440950-8AE0-4A70-8B6A-49B9ADFC29D0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affdsaf</a:t>
            </a:r>
          </a:p>
        </p:txBody>
      </p:sp>
    </p:spTree>
    <p:extLst>
      <p:ext uri="{BB962C8B-B14F-4D97-AF65-F5344CB8AC3E}">
        <p14:creationId xmlns:p14="http://schemas.microsoft.com/office/powerpoint/2010/main" val="33780370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633F0A-91DE-4B55-B7B3-CB690401126D}" type="slidenum">
              <a:rPr lang="en-US" smtClean="0"/>
              <a:t>6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9202026A-6A7F-41E2-A001-C48466B4D49A}"/>
              </a:ext>
            </a:extLst>
          </p:cNvPr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74815C6-E7D4-47A8-A2B1-3EC22BE459EF}" type="datetime1">
              <a:rPr lang="en-US" smtClean="0"/>
              <a:t>11/20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ABAF3712-F92E-43AB-A418-DADAA7B0161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/>
              <a:t>adfsdasf</a:t>
            </a:r>
          </a:p>
        </p:txBody>
      </p:sp>
      <p:sp>
        <p:nvSpPr>
          <p:cNvPr id="7" name="Header Placeholder 6">
            <a:extLst>
              <a:ext uri="{FF2B5EF4-FFF2-40B4-BE49-F238E27FC236}">
                <a16:creationId xmlns:a16="http://schemas.microsoft.com/office/drawing/2014/main" xmlns="" id="{F7FCB56E-E695-4F21-82BE-49D859A88642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US"/>
              <a:t>affdsaf</a:t>
            </a:r>
          </a:p>
        </p:txBody>
      </p:sp>
    </p:spTree>
    <p:extLst>
      <p:ext uri="{BB962C8B-B14F-4D97-AF65-F5344CB8AC3E}">
        <p14:creationId xmlns:p14="http://schemas.microsoft.com/office/powerpoint/2010/main" val="194233074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512460" y="78555"/>
            <a:ext cx="3448050" cy="495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90860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9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242585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0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963827"/>
            <a:ext cx="2628900" cy="4942703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963827"/>
            <a:ext cx="7734300" cy="4942703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26597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F7C4C276-10CC-464D-A5C3-C667AD7192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B53B66-B139-4285-95B5-77B42A93E59F}" type="datetimeFigureOut">
              <a:rPr lang="en-US" smtClean="0"/>
              <a:t>11/20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2120B814-3D16-4C68-9CC9-A1F4C76F14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3DF1AEFF-2BD9-4F5C-9261-6D3CF108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2494019-E164-4A3E-A7A5-0831AED177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6768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2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425089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500337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4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092316"/>
            <a:ext cx="10515600" cy="2357634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3656962"/>
            <a:ext cx="10515600" cy="2163069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574106" y="37865"/>
            <a:ext cx="3448050" cy="495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38860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5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03147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03147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419539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0849704" y="6497076"/>
            <a:ext cx="502508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82216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7089796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7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802150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8non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987424"/>
            <a:ext cx="3932237" cy="1069975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715580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1000897"/>
            <a:ext cx="10515600" cy="77847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99767"/>
            <a:ext cx="10515600" cy="398205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56159" y="6492875"/>
            <a:ext cx="50250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B5CE8622-6B15-4D77-A69E-D2E205890709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0" y="6502357"/>
            <a:ext cx="6858594" cy="40846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64F48B4B-71BD-44B0-A56D-C7C9E698FCDD}"/>
              </a:ext>
            </a:extLst>
          </p:cNvPr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8664860" y="111920"/>
            <a:ext cx="3448050" cy="495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6707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  <p:sldLayoutId id="2147483711" r:id="rId12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eg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1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mailto:Patrick.holler@untdallas.edu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6F645E4-DB10-2B47-9DCC-50D84D48EE2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3285" y="2294630"/>
            <a:ext cx="11590317" cy="753418"/>
          </a:xfrm>
        </p:spPr>
        <p:txBody>
          <a:bodyPr anchor="ctr">
            <a:normAutofit fontScale="90000"/>
          </a:bodyPr>
          <a:lstStyle/>
          <a:p>
            <a:r>
              <a:rPr lang="en-US" sz="49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/>
            </a:r>
            <a:br>
              <a:rPr lang="en-US" sz="49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</a:br>
            <a:r>
              <a:rPr lang="en-US" sz="49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Integrated Communications Platform</a:t>
            </a:r>
            <a: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  <a:t/>
            </a:r>
            <a:b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</a:br>
            <a: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“</a:t>
            </a:r>
            <a:r>
              <a:rPr lang="en-US" sz="3600" b="1" dirty="0" err="1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a.k.a</a:t>
            </a:r>
            <a: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 Teams Phone Transition” </a:t>
            </a:r>
            <a:r>
              <a:rPr lang="en-US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  <a:t/>
            </a:r>
            <a:br>
              <a:rPr lang="en-US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</a:br>
            <a:endParaRPr lang="en-US" sz="32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 Black" panose="020B0A0402010202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F7AADC8A-9084-430F-8581-CEC8641A1A2B}"/>
              </a:ext>
            </a:extLst>
          </p:cNvPr>
          <p:cNvSpPr txBox="1"/>
          <p:nvPr/>
        </p:nvSpPr>
        <p:spPr>
          <a:xfrm>
            <a:off x="3125852" y="3688705"/>
            <a:ext cx="6109856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mmunication and Collaboration </a:t>
            </a:r>
            <a:br>
              <a:rPr lang="en-US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en-US" sz="32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548258A2-8919-44E6-B332-826B31645348}"/>
              </a:ext>
            </a:extLst>
          </p:cNvPr>
          <p:cNvSpPr txBox="1"/>
          <p:nvPr/>
        </p:nvSpPr>
        <p:spPr>
          <a:xfrm>
            <a:off x="3703122" y="4227314"/>
            <a:ext cx="47857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Anywhere – Any Time – Any Device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xmlns="" id="{16917EB9-4191-4A10-8B42-81E7CA0CBF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xmlns="" id="{02B2564A-F345-4FD0-BCB8-2F7EFCACB918}"/>
              </a:ext>
            </a:extLst>
          </p:cNvPr>
          <p:cNvSpPr txBox="1">
            <a:spLocks/>
          </p:cNvSpPr>
          <p:nvPr/>
        </p:nvSpPr>
        <p:spPr>
          <a:xfrm>
            <a:off x="3855096" y="1248845"/>
            <a:ext cx="4651367" cy="584008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25000" lnSpcReduction="20000"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  <a:t/>
            </a:r>
            <a:br>
              <a:rPr lang="en-US" sz="36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Black" panose="020B0A04020102020204" pitchFamily="34" charset="0"/>
              </a:rPr>
            </a:br>
            <a:r>
              <a:rPr lang="en-US" sz="128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+mn-ea"/>
                <a:cs typeface="+mn-cs"/>
              </a:rPr>
              <a:t>High-Level Overview (ICP)</a:t>
            </a:r>
            <a:br>
              <a:rPr lang="en-US" sz="128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+mn-ea"/>
                <a:cs typeface="+mn-cs"/>
              </a:rPr>
            </a:br>
            <a:endParaRPr lang="en-US" sz="128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+mn-ea"/>
              <a:cs typeface="+mn-cs"/>
            </a:endParaRPr>
          </a:p>
        </p:txBody>
      </p:sp>
      <p:pic>
        <p:nvPicPr>
          <p:cNvPr id="7" name="Picture 6" descr="A picture containing logo&#10;&#10;Description automatically generated">
            <a:extLst>
              <a:ext uri="{FF2B5EF4-FFF2-40B4-BE49-F238E27FC236}">
                <a16:creationId xmlns:a16="http://schemas.microsoft.com/office/drawing/2014/main" xmlns="" id="{6DC24BE6-16DF-40BE-8AF3-262F1E827AF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66175" y="5618162"/>
            <a:ext cx="5029210" cy="9784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37959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2"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ctangle 12">
            <a:extLst>
              <a:ext uri="{FF2B5EF4-FFF2-40B4-BE49-F238E27FC236}">
                <a16:creationId xmlns:a16="http://schemas.microsoft.com/office/drawing/2014/main" xmlns="" id="{F56F5174-31D9-4DBB-AAB7-A1FD7BDB1352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1" y="0"/>
            <a:ext cx="5614875" cy="6858000"/>
          </a:xfrm>
          <a:prstGeom prst="rect">
            <a:avLst/>
          </a:prstGeom>
          <a:gradFill>
            <a:gsLst>
              <a:gs pos="0">
                <a:schemeClr val="accent1">
                  <a:lumMod val="100000"/>
                  <a:alpha val="82000"/>
                </a:schemeClr>
              </a:gs>
              <a:gs pos="25000">
                <a:schemeClr val="accent1">
                  <a:alpha val="60000"/>
                </a:schemeClr>
              </a:gs>
              <a:gs pos="94000">
                <a:schemeClr val="bg2">
                  <a:lumMod val="75000"/>
                </a:schemeClr>
              </a:gs>
              <a:gs pos="100000">
                <a:schemeClr val="bg2">
                  <a:lumMod val="7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6" name="Picture 14">
            <a:extLst>
              <a:ext uri="{FF2B5EF4-FFF2-40B4-BE49-F238E27FC236}">
                <a16:creationId xmlns:a16="http://schemas.microsoft.com/office/drawing/2014/main" xmlns="" id="{AE113210-7872-481A-ADE6-3A05CCAF5EB2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9F3EF823-0F69-4D48-92B9-C9583271EC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9550" y="474389"/>
            <a:ext cx="6632235" cy="1454051"/>
          </a:xfr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o why is the UNT World doing this???</a:t>
            </a:r>
          </a:p>
        </p:txBody>
      </p:sp>
      <p:sp>
        <p:nvSpPr>
          <p:cNvPr id="27" name="Freeform 62">
            <a:extLst>
              <a:ext uri="{FF2B5EF4-FFF2-40B4-BE49-F238E27FC236}">
                <a16:creationId xmlns:a16="http://schemas.microsoft.com/office/drawing/2014/main" xmlns="" id="{F9A95BEE-6BB1-4A28-A8E6-A34B2E42EF87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738619"/>
            <a:ext cx="5000438" cy="5400962"/>
          </a:xfrm>
          <a:custGeom>
            <a:avLst/>
            <a:gdLst>
              <a:gd name="connsiteX0" fmla="*/ 2299956 w 5000438"/>
              <a:gd name="connsiteY0" fmla="*/ 0 h 5400962"/>
              <a:gd name="connsiteX1" fmla="*/ 5000438 w 5000438"/>
              <a:gd name="connsiteY1" fmla="*/ 2700481 h 5400962"/>
              <a:gd name="connsiteX2" fmla="*/ 2299956 w 5000438"/>
              <a:gd name="connsiteY2" fmla="*/ 5400962 h 5400962"/>
              <a:gd name="connsiteX3" fmla="*/ 60675 w 5000438"/>
              <a:gd name="connsiteY3" fmla="*/ 4210346 h 5400962"/>
              <a:gd name="connsiteX4" fmla="*/ 0 w 5000438"/>
              <a:gd name="connsiteY4" fmla="*/ 4110472 h 5400962"/>
              <a:gd name="connsiteX5" fmla="*/ 0 w 5000438"/>
              <a:gd name="connsiteY5" fmla="*/ 1290491 h 5400962"/>
              <a:gd name="connsiteX6" fmla="*/ 60675 w 5000438"/>
              <a:gd name="connsiteY6" fmla="*/ 1190617 h 5400962"/>
              <a:gd name="connsiteX7" fmla="*/ 2299956 w 5000438"/>
              <a:gd name="connsiteY7" fmla="*/ 0 h 5400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000438" h="5400962">
                <a:moveTo>
                  <a:pt x="2299956" y="0"/>
                </a:moveTo>
                <a:cubicBezTo>
                  <a:pt x="3791390" y="0"/>
                  <a:pt x="5000438" y="1209047"/>
                  <a:pt x="5000438" y="2700481"/>
                </a:cubicBezTo>
                <a:cubicBezTo>
                  <a:pt x="5000438" y="4191915"/>
                  <a:pt x="3791390" y="5400962"/>
                  <a:pt x="2299956" y="5400962"/>
                </a:cubicBezTo>
                <a:cubicBezTo>
                  <a:pt x="1367810" y="5400962"/>
                  <a:pt x="545971" y="4928678"/>
                  <a:pt x="60675" y="4210346"/>
                </a:cubicBezTo>
                <a:lnTo>
                  <a:pt x="0" y="4110472"/>
                </a:lnTo>
                <a:lnTo>
                  <a:pt x="0" y="1290491"/>
                </a:lnTo>
                <a:lnTo>
                  <a:pt x="60675" y="1190617"/>
                </a:lnTo>
                <a:cubicBezTo>
                  <a:pt x="545971" y="472284"/>
                  <a:pt x="1367810" y="0"/>
                  <a:pt x="2299956" y="0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8" name="Picture 7" descr="A picture containing drawing, sitting, sign&#10;&#10;Description automatically generated">
            <a:extLst>
              <a:ext uri="{FF2B5EF4-FFF2-40B4-BE49-F238E27FC236}">
                <a16:creationId xmlns:a16="http://schemas.microsoft.com/office/drawing/2014/main" xmlns="" id="{9C93ED31-E0E6-4B2C-809B-BEB8E31A2CE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/>
          </a:blip>
          <a:srcRect l="4457" r="1" b="1"/>
          <a:stretch/>
        </p:blipFill>
        <p:spPr>
          <a:xfrm>
            <a:off x="20" y="907231"/>
            <a:ext cx="4838021" cy="5063738"/>
          </a:xfrm>
          <a:custGeom>
            <a:avLst/>
            <a:gdLst/>
            <a:ahLst/>
            <a:cxnLst/>
            <a:rect l="l" t="t" r="r" b="b"/>
            <a:pathLst>
              <a:path w="4838041" h="5063738">
                <a:moveTo>
                  <a:pt x="2306172" y="0"/>
                </a:moveTo>
                <a:cubicBezTo>
                  <a:pt x="3704485" y="0"/>
                  <a:pt x="4838041" y="1133556"/>
                  <a:pt x="4838041" y="2531869"/>
                </a:cubicBezTo>
                <a:cubicBezTo>
                  <a:pt x="4838041" y="3930182"/>
                  <a:pt x="3704485" y="5063738"/>
                  <a:pt x="2306172" y="5063738"/>
                </a:cubicBezTo>
                <a:cubicBezTo>
                  <a:pt x="1344832" y="5063738"/>
                  <a:pt x="508631" y="4527956"/>
                  <a:pt x="79886" y="3738709"/>
                </a:cubicBezTo>
                <a:lnTo>
                  <a:pt x="0" y="3572876"/>
                </a:lnTo>
                <a:lnTo>
                  <a:pt x="0" y="1490863"/>
                </a:lnTo>
                <a:lnTo>
                  <a:pt x="79886" y="1325030"/>
                </a:lnTo>
                <a:cubicBezTo>
                  <a:pt x="508631" y="535783"/>
                  <a:pt x="1344832" y="0"/>
                  <a:pt x="2306172" y="0"/>
                </a:cubicBezTo>
                <a:close/>
              </a:path>
            </a:pathLst>
          </a:custGeom>
          <a:effectLst>
            <a:softEdge rad="0"/>
          </a:effectLst>
        </p:spPr>
      </p:pic>
      <p:sp>
        <p:nvSpPr>
          <p:cNvPr id="5" name="Subtitle 2">
            <a:extLst>
              <a:ext uri="{FF2B5EF4-FFF2-40B4-BE49-F238E27FC236}">
                <a16:creationId xmlns:a16="http://schemas.microsoft.com/office/drawing/2014/main" xmlns="" id="{5432F111-1C78-4F8C-9893-DC3B137713BC}"/>
              </a:ext>
            </a:extLst>
          </p:cNvPr>
          <p:cNvSpPr txBox="1">
            <a:spLocks/>
          </p:cNvSpPr>
          <p:nvPr/>
        </p:nvSpPr>
        <p:spPr>
          <a:xfrm>
            <a:off x="6177015" y="2224510"/>
            <a:ext cx="5151920" cy="1957813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5000" lnSpcReduction="2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spcBef>
                <a:spcPts val="0"/>
              </a:spcBef>
            </a:pPr>
            <a:r>
              <a:rPr lang="en-US" sz="33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All-in-One Platform</a:t>
            </a:r>
          </a:p>
          <a:p>
            <a:pPr marL="457200" indent="-228600" algn="l"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rgbClr val="000000"/>
                </a:solidFill>
              </a:rPr>
              <a:t>File sharing and collaboration built on Microsoft Sharepoint</a:t>
            </a:r>
          </a:p>
          <a:p>
            <a:pPr marL="457200" indent="-228600" algn="l"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rgbClr val="000000"/>
                </a:solidFill>
              </a:rPr>
              <a:t>Meeting recording and online sharing with Microsoft Stream</a:t>
            </a:r>
          </a:p>
          <a:p>
            <a:pPr marL="457200" indent="-228600" algn="l"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rgbClr val="000000"/>
                </a:solidFill>
              </a:rPr>
              <a:t>Third-party application integration increases productivity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1350572-AD22-420B-8BB3-DFAF826AE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825930" y="6223702"/>
            <a:ext cx="570728" cy="314067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CC7B5CB3-F6A7-BC47-8CB9-F0ABF2A1689F}" type="slidenum">
              <a:rPr lang="en-US" sz="1100">
                <a:solidFill>
                  <a:srgbClr val="898989"/>
                </a:solidFill>
                <a:latin typeface="Calibri" panose="020F0502020204030204"/>
                <a:cs typeface="+mn-cs"/>
              </a:rPr>
              <a:pPr>
                <a:spcAft>
                  <a:spcPts val="600"/>
                </a:spcAft>
                <a:defRPr/>
              </a:pPr>
              <a:t>2</a:t>
            </a:fld>
            <a:endParaRPr lang="en-US" sz="1100">
              <a:solidFill>
                <a:srgbClr val="898989"/>
              </a:solidFill>
              <a:latin typeface="Calibri" panose="020F0502020204030204"/>
              <a:cs typeface="+mn-cs"/>
            </a:endParaRPr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xmlns="" id="{28720DC2-3C8E-4008-9E00-E1A5D29C5B33}"/>
              </a:ext>
            </a:extLst>
          </p:cNvPr>
          <p:cNvSpPr txBox="1">
            <a:spLocks/>
          </p:cNvSpPr>
          <p:nvPr/>
        </p:nvSpPr>
        <p:spPr>
          <a:xfrm>
            <a:off x="6177015" y="4414316"/>
            <a:ext cx="4901663" cy="1454051"/>
          </a:xfrm>
          <a:prstGeom prst="rect">
            <a:avLst/>
          </a:prstGeom>
        </p:spPr>
        <p:txBody>
          <a:bodyPr vert="horz" lIns="91440" tIns="45720" rIns="91440" bIns="45720" rtlCol="0">
            <a:normAutofit fontScale="70000" lnSpcReduction="2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ct val="120000"/>
              </a:lnSpc>
              <a:spcBef>
                <a:spcPts val="0"/>
              </a:spcBef>
            </a:pPr>
            <a:r>
              <a:rPr lang="en-US" sz="40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Accessible Anywhere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100" dirty="0"/>
              <a:t>Make and receive calls from any device after installing Teams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100" dirty="0"/>
              <a:t>Available for Mac, PC, Linux, iOS, Android, Web, and tablet devices</a:t>
            </a:r>
          </a:p>
        </p:txBody>
      </p:sp>
    </p:spTree>
    <p:extLst>
      <p:ext uri="{BB962C8B-B14F-4D97-AF65-F5344CB8AC3E}">
        <p14:creationId xmlns:p14="http://schemas.microsoft.com/office/powerpoint/2010/main" val="2136746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 flip="none" rotWithShape="1">
          <a:gsLst>
            <a:gs pos="0">
              <a:schemeClr val="bg1">
                <a:lumMod val="90000"/>
                <a:lumOff val="10000"/>
              </a:schemeClr>
            </a:gs>
            <a:gs pos="74000">
              <a:schemeClr val="accent3">
                <a:lumMod val="45000"/>
                <a:lumOff val="55000"/>
              </a:schemeClr>
            </a:gs>
            <a:gs pos="83000">
              <a:schemeClr val="accent3">
                <a:lumMod val="45000"/>
                <a:lumOff val="55000"/>
              </a:schemeClr>
            </a:gs>
            <a:gs pos="100000">
              <a:schemeClr val="accent3">
                <a:lumMod val="30000"/>
                <a:lumOff val="70000"/>
              </a:schemeClr>
            </a:gs>
          </a:gsLst>
          <a:path path="circle">
            <a:fillToRect l="100000" t="100000"/>
          </a:path>
          <a:tileRect r="-100000" b="-1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OTLSHAPE_SL_6c12d26f5711447789cb92aadcbfc32c_BackgroundRectangle">
            <a:extLst>
              <a:ext uri="{FF2B5EF4-FFF2-40B4-BE49-F238E27FC236}">
                <a16:creationId xmlns:a16="http://schemas.microsoft.com/office/drawing/2014/main" xmlns="" id="{E3E9E077-ED30-4F37-AE9A-F13B0820EEF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85472" y="2407521"/>
            <a:ext cx="11416771" cy="813283"/>
          </a:xfrm>
          <a:prstGeom prst="rect">
            <a:avLst/>
          </a:prstGeom>
          <a:solidFill>
            <a:srgbClr val="1AAA4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656703706d1a4200b37dbd270cabddfc_BackgroundRectangle">
            <a:extLst>
              <a:ext uri="{FF2B5EF4-FFF2-40B4-BE49-F238E27FC236}">
                <a16:creationId xmlns:a16="http://schemas.microsoft.com/office/drawing/2014/main" xmlns="" id="{83A640DC-7382-4A37-9EAD-A5755141AB8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85472" y="3264288"/>
            <a:ext cx="11416774" cy="947672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a9829c8492bb4a4a965ad2aa86fc07b9_BackgroundRectangle">
            <a:extLst>
              <a:ext uri="{FF2B5EF4-FFF2-40B4-BE49-F238E27FC236}">
                <a16:creationId xmlns:a16="http://schemas.microsoft.com/office/drawing/2014/main" xmlns="" id="{26F5F3E8-B1B0-42F2-980B-1A77D6CD8B5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85472" y="4290515"/>
            <a:ext cx="11416774" cy="787843"/>
          </a:xfrm>
          <a:prstGeom prst="rect">
            <a:avLst/>
          </a:prstGeom>
          <a:solidFill>
            <a:srgbClr val="1AAA4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xmlns="" id="{C37BB878-845D-4E7E-957F-0E677A550B14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xmlns="" id="{5C326F73-006A-441D-826D-9B0EE5675AD3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474534" y="1652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xmlns="" id="{9FF7E600-FAAC-4B99-B383-8933AA667B2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942285" y="1950322"/>
            <a:ext cx="8909720" cy="254000"/>
          </a:xfrm>
          <a:prstGeom prst="roundRect">
            <a:avLst/>
          </a:prstGeom>
          <a:gradFill flip="none" rotWithShape="1">
            <a:gsLst>
              <a:gs pos="0">
                <a:srgbClr val="1AAA42"/>
              </a:gs>
              <a:gs pos="100000">
                <a:srgbClr val="147F3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6c12d26f5711447789cb92aadcbfc32c_HeaderRectangle">
            <a:extLst>
              <a:ext uri="{FF2B5EF4-FFF2-40B4-BE49-F238E27FC236}">
                <a16:creationId xmlns:a16="http://schemas.microsoft.com/office/drawing/2014/main" xmlns="" id="{E115E99B-06F1-4F2E-B140-F79F54B2364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85472" y="2407522"/>
            <a:ext cx="1383296" cy="778210"/>
          </a:xfrm>
          <a:prstGeom prst="rect">
            <a:avLst/>
          </a:prstGeom>
          <a:solidFill>
            <a:srgbClr val="00561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656703706d1a4200b37dbd270cabddfc_HeaderRectangle">
            <a:extLst>
              <a:ext uri="{FF2B5EF4-FFF2-40B4-BE49-F238E27FC236}">
                <a16:creationId xmlns:a16="http://schemas.microsoft.com/office/drawing/2014/main" xmlns="" id="{049411CE-2661-4682-9FCD-B4B30A8CA26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385472" y="3264288"/>
            <a:ext cx="1383296" cy="947672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_a9829c8492bb4a4a965ad2aa86fc07b9_HeaderRectangle">
            <a:extLst>
              <a:ext uri="{FF2B5EF4-FFF2-40B4-BE49-F238E27FC236}">
                <a16:creationId xmlns:a16="http://schemas.microsoft.com/office/drawing/2014/main" xmlns="" id="{4A6F7DD0-650A-4FC4-8C2B-4A9F27B2065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85472" y="4290515"/>
            <a:ext cx="1383296" cy="854711"/>
          </a:xfrm>
          <a:prstGeom prst="rect">
            <a:avLst/>
          </a:prstGeom>
          <a:solidFill>
            <a:srgbClr val="00561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9" name="OTLSHAPE_G_00000000000000000000000000000000_ShapeBelow0">
            <a:extLst>
              <a:ext uri="{FF2B5EF4-FFF2-40B4-BE49-F238E27FC236}">
                <a16:creationId xmlns:a16="http://schemas.microsoft.com/office/drawing/2014/main" xmlns="" id="{4B6A90F3-1C45-4749-99D1-F834BA9A4F0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35976" y="2204323"/>
            <a:ext cx="0" cy="366640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1">
            <a:extLst>
              <a:ext uri="{FF2B5EF4-FFF2-40B4-BE49-F238E27FC236}">
                <a16:creationId xmlns:a16="http://schemas.microsoft.com/office/drawing/2014/main" xmlns="" id="{EB4346BA-F6D8-4468-A552-EF3A5D9E7DD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648433" y="2204323"/>
            <a:ext cx="0" cy="366640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2">
            <a:extLst>
              <a:ext uri="{FF2B5EF4-FFF2-40B4-BE49-F238E27FC236}">
                <a16:creationId xmlns:a16="http://schemas.microsoft.com/office/drawing/2014/main" xmlns="" id="{E0010DAF-137F-47CA-9E4D-E96B482F8E0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17972" y="2204323"/>
            <a:ext cx="0" cy="366640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xmlns="" id="{E5BDF3E0-D989-408A-A9D3-BDCA66F5B23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130429" y="2204323"/>
            <a:ext cx="0" cy="366640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xmlns="" id="{96AD6A5B-DDC1-42CB-A0AB-5F7769CBBB3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899968" y="2204323"/>
            <a:ext cx="0" cy="366640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da83698db8744784aed991564a744e80_Shape">
            <a:extLst>
              <a:ext uri="{FF2B5EF4-FFF2-40B4-BE49-F238E27FC236}">
                <a16:creationId xmlns:a16="http://schemas.microsoft.com/office/drawing/2014/main" xmlns="" id="{533179B3-2EFA-4212-A7B0-B834D713A0A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942289" y="2532033"/>
            <a:ext cx="993687" cy="127000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8c4e64b4e04f46b8ad8b5b8b11c5fa68_Shape">
            <a:extLst>
              <a:ext uri="{FF2B5EF4-FFF2-40B4-BE49-F238E27FC236}">
                <a16:creationId xmlns:a16="http://schemas.microsoft.com/office/drawing/2014/main" xmlns="" id="{267530C0-1F7D-4203-AD5D-BE0021C3F92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942289" y="2740651"/>
            <a:ext cx="993687" cy="145119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5d460eccf2064675847638b20a3077f0_Shape">
            <a:extLst>
              <a:ext uri="{FF2B5EF4-FFF2-40B4-BE49-F238E27FC236}">
                <a16:creationId xmlns:a16="http://schemas.microsoft.com/office/drawing/2014/main" xmlns="" id="{9956535F-0EE9-4216-9779-95F28634846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42289" y="2949271"/>
            <a:ext cx="993687" cy="139698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T_6137fa90fff246d3840a1ea2c9cd68ba_Shape">
            <a:extLst>
              <a:ext uri="{FF2B5EF4-FFF2-40B4-BE49-F238E27FC236}">
                <a16:creationId xmlns:a16="http://schemas.microsoft.com/office/drawing/2014/main" xmlns="" id="{A9A0B384-1415-49AD-A03E-DB21B26BF3E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934770" y="3398651"/>
            <a:ext cx="464258" cy="129050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T_eaa2fa8e87064d919d77e3c144c5191c_Shape">
            <a:extLst>
              <a:ext uri="{FF2B5EF4-FFF2-40B4-BE49-F238E27FC236}">
                <a16:creationId xmlns:a16="http://schemas.microsoft.com/office/drawing/2014/main" xmlns="" id="{FCD6D893-930B-4DE8-B576-1B9B2EF171F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401284" y="3596401"/>
            <a:ext cx="1234504" cy="140794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251aff416e624e9cac5f484d00ba4bb9_Shape">
            <a:extLst>
              <a:ext uri="{FF2B5EF4-FFF2-40B4-BE49-F238E27FC236}">
                <a16:creationId xmlns:a16="http://schemas.microsoft.com/office/drawing/2014/main" xmlns="" id="{0E95D12F-98F7-4563-A198-931E981D208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294186" y="4426273"/>
            <a:ext cx="1648411" cy="128016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40875305c26e4fbbb8d12d3d34838009_Shape">
            <a:extLst>
              <a:ext uri="{FF2B5EF4-FFF2-40B4-BE49-F238E27FC236}">
                <a16:creationId xmlns:a16="http://schemas.microsoft.com/office/drawing/2014/main" xmlns="" id="{B562577F-D286-4FFB-B6BC-1427C63436B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666954" y="3785862"/>
            <a:ext cx="427994" cy="128016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bf49cacd572042438ad8aed6c5db18b3_Shape">
            <a:extLst>
              <a:ext uri="{FF2B5EF4-FFF2-40B4-BE49-F238E27FC236}">
                <a16:creationId xmlns:a16="http://schemas.microsoft.com/office/drawing/2014/main" xmlns="" id="{D9A80131-8CE3-4E47-BA4D-8FC7D305E73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094948" y="3992433"/>
            <a:ext cx="2003713" cy="136763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xmlns="" id="{D0617C99-6A68-4767-A515-D796061AF1C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44465" y="381000"/>
            <a:ext cx="7086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T_da83698db8744784aed991564a744e80_ShapePercentage" hidden="1">
            <a:extLst>
              <a:ext uri="{FF2B5EF4-FFF2-40B4-BE49-F238E27FC236}">
                <a16:creationId xmlns:a16="http://schemas.microsoft.com/office/drawing/2014/main" xmlns="" id="{53AE7C7B-7036-47DE-8C49-BD4A5DBA497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T_8c4e64b4e04f46b8ad8b5b8b11c5fa68_ShapePercentage" hidden="1">
            <a:extLst>
              <a:ext uri="{FF2B5EF4-FFF2-40B4-BE49-F238E27FC236}">
                <a16:creationId xmlns:a16="http://schemas.microsoft.com/office/drawing/2014/main" xmlns="" id="{CA2A8A7A-1AF1-442E-86E8-D1EDF2A962B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T_5d460eccf2064675847638b20a3077f0_ShapePercentage" hidden="1">
            <a:extLst>
              <a:ext uri="{FF2B5EF4-FFF2-40B4-BE49-F238E27FC236}">
                <a16:creationId xmlns:a16="http://schemas.microsoft.com/office/drawing/2014/main" xmlns="" id="{2DBF9E4F-734D-4FE2-A873-804A734D771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6137fa90fff246d3840a1ea2c9cd68ba_ShapePercentage" hidden="1">
            <a:extLst>
              <a:ext uri="{FF2B5EF4-FFF2-40B4-BE49-F238E27FC236}">
                <a16:creationId xmlns:a16="http://schemas.microsoft.com/office/drawing/2014/main" xmlns="" id="{86EB9CA5-AB43-4A57-8A38-229C5267E8F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T_eaa2fa8e87064d919d77e3c144c5191c_ShapePercentage" hidden="1">
            <a:extLst>
              <a:ext uri="{FF2B5EF4-FFF2-40B4-BE49-F238E27FC236}">
                <a16:creationId xmlns:a16="http://schemas.microsoft.com/office/drawing/2014/main" xmlns="" id="{123A9E56-1A2B-4E6D-814E-D659CE90536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ba53a520426c462abee9f8622d82b782_ShapePercentage" hidden="1">
            <a:extLst>
              <a:ext uri="{FF2B5EF4-FFF2-40B4-BE49-F238E27FC236}">
                <a16:creationId xmlns:a16="http://schemas.microsoft.com/office/drawing/2014/main" xmlns="" id="{15EAD5E7-79F7-4789-965A-B46D451E9ED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8f0749ddc5e54782ba842434ba5445ce_ShapePercentage" hidden="1">
            <a:extLst>
              <a:ext uri="{FF2B5EF4-FFF2-40B4-BE49-F238E27FC236}">
                <a16:creationId xmlns:a16="http://schemas.microsoft.com/office/drawing/2014/main" xmlns="" id="{1844406A-7B78-4352-9D5F-02E0B9BDB84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T_251aff416e624e9cac5f484d00ba4bb9_ShapePercentage" hidden="1">
            <a:extLst>
              <a:ext uri="{FF2B5EF4-FFF2-40B4-BE49-F238E27FC236}">
                <a16:creationId xmlns:a16="http://schemas.microsoft.com/office/drawing/2014/main" xmlns="" id="{B564ACAA-2430-4800-82D8-8F0C820DC51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40875305c26e4fbbb8d12d3d34838009_ShapePercentage" hidden="1">
            <a:extLst>
              <a:ext uri="{FF2B5EF4-FFF2-40B4-BE49-F238E27FC236}">
                <a16:creationId xmlns:a16="http://schemas.microsoft.com/office/drawing/2014/main" xmlns="" id="{0D7D964A-4BC6-4476-8E3E-8D8B2E46CF5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T_bf49cacd572042438ad8aed6c5db18b3_ShapePercentage" hidden="1">
            <a:extLst>
              <a:ext uri="{FF2B5EF4-FFF2-40B4-BE49-F238E27FC236}">
                <a16:creationId xmlns:a16="http://schemas.microsoft.com/office/drawing/2014/main" xmlns="" id="{53603C47-76F3-4D0C-93B1-6741D99E888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ba5ab211274e4452b4f83966b69b87c0_ShapePercentage" hidden="1">
            <a:extLst>
              <a:ext uri="{FF2B5EF4-FFF2-40B4-BE49-F238E27FC236}">
                <a16:creationId xmlns:a16="http://schemas.microsoft.com/office/drawing/2014/main" xmlns="" id="{C276A24D-44B0-437E-9FF9-83967FB9973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00" y="1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6c12d26f5711447789cb92aadcbfc32c_Header">
            <a:extLst>
              <a:ext uri="{FF2B5EF4-FFF2-40B4-BE49-F238E27FC236}">
                <a16:creationId xmlns:a16="http://schemas.microsoft.com/office/drawing/2014/main" xmlns="" id="{0DDCDE4C-E9D9-4516-A435-13FF802C602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85472" y="2821118"/>
            <a:ext cx="1383296" cy="1782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iscovery &amp; </a:t>
            </a:r>
          </a:p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  <a:p>
            <a:pPr algn="ctr"/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_656703706d1a4200b37dbd270cabddfc_Header">
            <a:extLst>
              <a:ext uri="{FF2B5EF4-FFF2-40B4-BE49-F238E27FC236}">
                <a16:creationId xmlns:a16="http://schemas.microsoft.com/office/drawing/2014/main" xmlns="" id="{74F5256E-04DF-4150-894A-BC2082808B5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01409" y="3551457"/>
            <a:ext cx="1383296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Pilot</a:t>
            </a:r>
          </a:p>
        </p:txBody>
      </p:sp>
      <p:sp>
        <p:nvSpPr>
          <p:cNvPr id="90" name="OTLSHAPE_SL_a9829c8492bb4a4a965ad2aa86fc07b9_Header">
            <a:extLst>
              <a:ext uri="{FF2B5EF4-FFF2-40B4-BE49-F238E27FC236}">
                <a16:creationId xmlns:a16="http://schemas.microsoft.com/office/drawing/2014/main" xmlns="" id="{CF09DAAE-3C2D-4806-8DA5-31D63D8D8EC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85472" y="4608903"/>
            <a:ext cx="1383296" cy="1945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xmlns="" id="{96120B83-F072-4E90-9A95-0BAF98D9E80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94381" y="4318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xmlns="" id="{EA5429E5-8756-45FB-A775-191C6B15C91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750538" y="5164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xmlns="" id="{634F8793-8912-48E4-96B1-FBCCB88756E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005784" y="1988422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Oct	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xmlns="" id="{6165F970-C7E6-4FF5-BAB4-9F019640EC0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775323" y="1988422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xmlns="" id="{C63DCB39-6D91-411B-ABC9-89F2883C867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87780" y="1988422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xmlns="" id="{B8D6FD9C-28F0-4F77-89F0-B97E9EB081A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257319" y="1988422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xmlns="" id="{13D29DC4-36A6-4ED7-91CF-ED6992548BB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874000" y="17457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rgbClr val="1AAA4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4" name="OTLSHAPE_SLT_da83698db8744784aed991564a744e80_Duration" hidden="1">
            <a:extLst>
              <a:ext uri="{FF2B5EF4-FFF2-40B4-BE49-F238E27FC236}">
                <a16:creationId xmlns:a16="http://schemas.microsoft.com/office/drawing/2014/main" xmlns="" id="{F6671C46-97A8-4E64-8DA4-8616EFE1DED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5" name="OTLSHAPE_SLT_da83698db8744784aed991564a744e80_TextPercentage" hidden="1">
            <a:extLst>
              <a:ext uri="{FF2B5EF4-FFF2-40B4-BE49-F238E27FC236}">
                <a16:creationId xmlns:a16="http://schemas.microsoft.com/office/drawing/2014/main" xmlns="" id="{0F0848EA-0470-4C11-B75C-D4F453726D2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6" name="OTLSHAPE_SLT_da83698db8744784aed991564a744e80_StartDate" hidden="1">
            <a:extLst>
              <a:ext uri="{FF2B5EF4-FFF2-40B4-BE49-F238E27FC236}">
                <a16:creationId xmlns:a16="http://schemas.microsoft.com/office/drawing/2014/main" xmlns="" id="{66B7220E-FE0A-4C1F-980C-F0E5DA7672E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7" name="OTLSHAPE_SLT_da83698db8744784aed991564a744e80_EndDate" hidden="1">
            <a:extLst>
              <a:ext uri="{FF2B5EF4-FFF2-40B4-BE49-F238E27FC236}">
                <a16:creationId xmlns:a16="http://schemas.microsoft.com/office/drawing/2014/main" xmlns="" id="{1F55E30F-BD09-41C2-B36E-B18E8550735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28" name="OTLSHAPE_SLT_da83698db8744784aed991564a744e80_JoinedDate" hidden="1">
            <a:extLst>
              <a:ext uri="{FF2B5EF4-FFF2-40B4-BE49-F238E27FC236}">
                <a16:creationId xmlns:a16="http://schemas.microsoft.com/office/drawing/2014/main" xmlns="" id="{2A5B3E96-FAD3-4888-B6F5-2159EFFB6EA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641" y="95156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Apr 30</a:t>
            </a:r>
          </a:p>
        </p:txBody>
      </p:sp>
      <p:sp>
        <p:nvSpPr>
          <p:cNvPr id="29" name="OTLSHAPE_SLT_da83698db8744784aed991564a744e80_Title">
            <a:extLst>
              <a:ext uri="{FF2B5EF4-FFF2-40B4-BE49-F238E27FC236}">
                <a16:creationId xmlns:a16="http://schemas.microsoft.com/office/drawing/2014/main" xmlns="" id="{E89C36F8-7879-43CA-A608-32AA323E477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018173" y="2500327"/>
            <a:ext cx="322627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UNTD total phone lines identified</a:t>
            </a:r>
          </a:p>
        </p:txBody>
      </p:sp>
      <p:sp>
        <p:nvSpPr>
          <p:cNvPr id="32" name="OTLSHAPE_SLT_8c4e64b4e04f46b8ad8b5b8b11c5fa68_Duration" hidden="1">
            <a:extLst>
              <a:ext uri="{FF2B5EF4-FFF2-40B4-BE49-F238E27FC236}">
                <a16:creationId xmlns:a16="http://schemas.microsoft.com/office/drawing/2014/main" xmlns="" id="{06265253-01D4-4D74-8B05-FB336A3B44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3" name="OTLSHAPE_SLT_8c4e64b4e04f46b8ad8b5b8b11c5fa68_TextPercentage" hidden="1">
            <a:extLst>
              <a:ext uri="{FF2B5EF4-FFF2-40B4-BE49-F238E27FC236}">
                <a16:creationId xmlns:a16="http://schemas.microsoft.com/office/drawing/2014/main" xmlns="" id="{A242034D-D257-4127-BD5E-4F55BB89FE7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4" name="OTLSHAPE_SLT_8c4e64b4e04f46b8ad8b5b8b11c5fa68_StartDate" hidden="1">
            <a:extLst>
              <a:ext uri="{FF2B5EF4-FFF2-40B4-BE49-F238E27FC236}">
                <a16:creationId xmlns:a16="http://schemas.microsoft.com/office/drawing/2014/main" xmlns="" id="{7BBEDE3B-9AEC-4C12-BECB-7847E4A7076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5" name="OTLSHAPE_SLT_8c4e64b4e04f46b8ad8b5b8b11c5fa68_EndDate" hidden="1">
            <a:extLst>
              <a:ext uri="{FF2B5EF4-FFF2-40B4-BE49-F238E27FC236}">
                <a16:creationId xmlns:a16="http://schemas.microsoft.com/office/drawing/2014/main" xmlns="" id="{329189E8-8655-41B0-8CE1-5D507D6DCBF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36" name="OTLSHAPE_SLT_8c4e64b4e04f46b8ad8b5b8b11c5fa68_JoinedDate" hidden="1">
            <a:extLst>
              <a:ext uri="{FF2B5EF4-FFF2-40B4-BE49-F238E27FC236}">
                <a16:creationId xmlns:a16="http://schemas.microsoft.com/office/drawing/2014/main" xmlns="" id="{E9C96196-61FD-49BB-A033-6E626B12D8E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8641" y="116018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Apr 30</a:t>
            </a:r>
          </a:p>
        </p:txBody>
      </p:sp>
      <p:sp>
        <p:nvSpPr>
          <p:cNvPr id="37" name="OTLSHAPE_SLT_8c4e64b4e04f46b8ad8b5b8b11c5fa68_Title">
            <a:extLst>
              <a:ext uri="{FF2B5EF4-FFF2-40B4-BE49-F238E27FC236}">
                <a16:creationId xmlns:a16="http://schemas.microsoft.com/office/drawing/2014/main" xmlns="" id="{705D9423-318A-4984-AD4C-D18C0538F02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018174" y="2724311"/>
            <a:ext cx="28461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UNTD financial model defined for CFO</a:t>
            </a:r>
          </a:p>
        </p:txBody>
      </p:sp>
      <p:sp>
        <p:nvSpPr>
          <p:cNvPr id="40" name="OTLSHAPE_SLT_5d460eccf2064675847638b20a3077f0_Duration" hidden="1">
            <a:extLst>
              <a:ext uri="{FF2B5EF4-FFF2-40B4-BE49-F238E27FC236}">
                <a16:creationId xmlns:a16="http://schemas.microsoft.com/office/drawing/2014/main" xmlns="" id="{2AA56041-E83B-41AE-B886-82452040AD8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1" name="OTLSHAPE_SLT_5d460eccf2064675847638b20a3077f0_TextPercentage" hidden="1">
            <a:extLst>
              <a:ext uri="{FF2B5EF4-FFF2-40B4-BE49-F238E27FC236}">
                <a16:creationId xmlns:a16="http://schemas.microsoft.com/office/drawing/2014/main" xmlns="" id="{36C3D359-B0D9-4756-A6F1-D8D9D8C2C13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2" name="OTLSHAPE_SLT_5d460eccf2064675847638b20a3077f0_StartDate" hidden="1">
            <a:extLst>
              <a:ext uri="{FF2B5EF4-FFF2-40B4-BE49-F238E27FC236}">
                <a16:creationId xmlns:a16="http://schemas.microsoft.com/office/drawing/2014/main" xmlns="" id="{5EEAB147-6DC9-4B8D-8338-4BE3154F582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3" name="OTLSHAPE_SLT_5d460eccf2064675847638b20a3077f0_EndDate" hidden="1">
            <a:extLst>
              <a:ext uri="{FF2B5EF4-FFF2-40B4-BE49-F238E27FC236}">
                <a16:creationId xmlns:a16="http://schemas.microsoft.com/office/drawing/2014/main" xmlns="" id="{7F281BF8-8822-4CA6-9E19-78BABA6C535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4" name="OTLSHAPE_SLT_5d460eccf2064675847638b20a3077f0_JoinedDate" hidden="1">
            <a:extLst>
              <a:ext uri="{FF2B5EF4-FFF2-40B4-BE49-F238E27FC236}">
                <a16:creationId xmlns:a16="http://schemas.microsoft.com/office/drawing/2014/main" xmlns="" id="{21CEB73B-CE08-4E66-8549-EF598F39F1D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8641" y="136880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Apr 30</a:t>
            </a:r>
          </a:p>
        </p:txBody>
      </p:sp>
      <p:sp>
        <p:nvSpPr>
          <p:cNvPr id="45" name="OTLSHAPE_SLT_5d460eccf2064675847638b20a3077f0_Title">
            <a:extLst>
              <a:ext uri="{FF2B5EF4-FFF2-40B4-BE49-F238E27FC236}">
                <a16:creationId xmlns:a16="http://schemas.microsoft.com/office/drawing/2014/main" xmlns="" id="{FAEECC7E-A235-4981-921F-FD533EE3E7F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018173" y="2923912"/>
            <a:ext cx="328581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iscovery information delivered to ITSS Telecom</a:t>
            </a:r>
          </a:p>
        </p:txBody>
      </p:sp>
      <p:sp>
        <p:nvSpPr>
          <p:cNvPr id="56" name="OTLSHAPE_SLT_6137fa90fff246d3840a1ea2c9cd68ba_Duration" hidden="1">
            <a:extLst>
              <a:ext uri="{FF2B5EF4-FFF2-40B4-BE49-F238E27FC236}">
                <a16:creationId xmlns:a16="http://schemas.microsoft.com/office/drawing/2014/main" xmlns="" id="{260EF259-78E2-4C59-9E30-63911D89713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" name="OTLSHAPE_SLT_6137fa90fff246d3840a1ea2c9cd68ba_TextPercentage" hidden="1">
            <a:extLst>
              <a:ext uri="{FF2B5EF4-FFF2-40B4-BE49-F238E27FC236}">
                <a16:creationId xmlns:a16="http://schemas.microsoft.com/office/drawing/2014/main" xmlns="" id="{6A0B0DDD-4ECA-40B8-AFED-3DB78BDA9C6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8" name="OTLSHAPE_SLT_6137fa90fff246d3840a1ea2c9cd68ba_StartDate" hidden="1">
            <a:extLst>
              <a:ext uri="{FF2B5EF4-FFF2-40B4-BE49-F238E27FC236}">
                <a16:creationId xmlns:a16="http://schemas.microsoft.com/office/drawing/2014/main" xmlns="" id="{E1E563D0-729A-4B62-807C-80B22FEC740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" name="OTLSHAPE_SLT_6137fa90fff246d3840a1ea2c9cd68ba_EndDate" hidden="1">
            <a:extLst>
              <a:ext uri="{FF2B5EF4-FFF2-40B4-BE49-F238E27FC236}">
                <a16:creationId xmlns:a16="http://schemas.microsoft.com/office/drawing/2014/main" xmlns="" id="{2BAB882C-FC2F-4E36-B3D7-E96A5C50DE9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0" name="OTLSHAPE_SLT_6137fa90fff246d3840a1ea2c9cd68ba_JoinedDate" hidden="1">
            <a:extLst>
              <a:ext uri="{FF2B5EF4-FFF2-40B4-BE49-F238E27FC236}">
                <a16:creationId xmlns:a16="http://schemas.microsoft.com/office/drawing/2014/main" xmlns="" id="{17B75EF6-C963-42BE-BD7C-7AAA1FFD6DE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142094" y="18876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61" name="OTLSHAPE_SLT_6137fa90fff246d3840a1ea2c9cd68ba_Title">
            <a:extLst>
              <a:ext uri="{FF2B5EF4-FFF2-40B4-BE49-F238E27FC236}">
                <a16:creationId xmlns:a16="http://schemas.microsoft.com/office/drawing/2014/main" xmlns="" id="{CC9A050C-6500-4828-97DA-E2CE2847EE5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470636" y="3358424"/>
            <a:ext cx="232906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UNTD pilot numbers identified</a:t>
            </a:r>
          </a:p>
        </p:txBody>
      </p:sp>
      <p:sp>
        <p:nvSpPr>
          <p:cNvPr id="64" name="OTLSHAPE_SLT_eaa2fa8e87064d919d77e3c144c5191c_Duration" hidden="1">
            <a:extLst>
              <a:ext uri="{FF2B5EF4-FFF2-40B4-BE49-F238E27FC236}">
                <a16:creationId xmlns:a16="http://schemas.microsoft.com/office/drawing/2014/main" xmlns="" id="{694E0151-2F9F-4935-85A2-5A3525991BC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5" name="OTLSHAPE_SLT_eaa2fa8e87064d919d77e3c144c5191c_TextPercentage" hidden="1">
            <a:extLst>
              <a:ext uri="{FF2B5EF4-FFF2-40B4-BE49-F238E27FC236}">
                <a16:creationId xmlns:a16="http://schemas.microsoft.com/office/drawing/2014/main" xmlns="" id="{F97C6B30-D62F-4D25-BFCF-D3932A8E8B7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6" name="OTLSHAPE_SLT_eaa2fa8e87064d919d77e3c144c5191c_StartDate" hidden="1">
            <a:extLst>
              <a:ext uri="{FF2B5EF4-FFF2-40B4-BE49-F238E27FC236}">
                <a16:creationId xmlns:a16="http://schemas.microsoft.com/office/drawing/2014/main" xmlns="" id="{8F253BB1-2899-41B5-AE8E-A3549AE29F9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7" name="OTLSHAPE_SLT_eaa2fa8e87064d919d77e3c144c5191c_EndDate" hidden="1">
            <a:extLst>
              <a:ext uri="{FF2B5EF4-FFF2-40B4-BE49-F238E27FC236}">
                <a16:creationId xmlns:a16="http://schemas.microsoft.com/office/drawing/2014/main" xmlns="" id="{424C6DF7-15C4-4843-9775-3012D965CF8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68" name="OTLSHAPE_SLT_eaa2fa8e87064d919d77e3c144c5191c_JoinedDate" hidden="1">
            <a:extLst>
              <a:ext uri="{FF2B5EF4-FFF2-40B4-BE49-F238E27FC236}">
                <a16:creationId xmlns:a16="http://schemas.microsoft.com/office/drawing/2014/main" xmlns="" id="{056B6CA5-C2D2-4AFF-8085-21BE4D4414C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142094" y="209626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69" name="OTLSHAPE_SLT_eaa2fa8e87064d919d77e3c144c5191c_Title">
            <a:extLst>
              <a:ext uri="{FF2B5EF4-FFF2-40B4-BE49-F238E27FC236}">
                <a16:creationId xmlns:a16="http://schemas.microsoft.com/office/drawing/2014/main" xmlns="" id="{03518411-191B-4D0B-9108-1663B068EA5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661079" y="3577611"/>
            <a:ext cx="1981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itial training made available</a:t>
            </a:r>
          </a:p>
        </p:txBody>
      </p:sp>
      <p:sp>
        <p:nvSpPr>
          <p:cNvPr id="72" name="OTLSHAPE_SLT_ba53a520426c462abee9f8622d82b782_Duration" hidden="1">
            <a:extLst>
              <a:ext uri="{FF2B5EF4-FFF2-40B4-BE49-F238E27FC236}">
                <a16:creationId xmlns:a16="http://schemas.microsoft.com/office/drawing/2014/main" xmlns="" id="{A284D7BB-5A9B-47A8-9C79-BE2FD5D510C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3" name="OTLSHAPE_SLT_ba53a520426c462abee9f8622d82b782_TextPercentage" hidden="1">
            <a:extLst>
              <a:ext uri="{FF2B5EF4-FFF2-40B4-BE49-F238E27FC236}">
                <a16:creationId xmlns:a16="http://schemas.microsoft.com/office/drawing/2014/main" xmlns="" id="{BD0AE554-53F6-4527-BEA3-68B7BB197F0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4" name="OTLSHAPE_SLT_ba53a520426c462abee9f8622d82b782_StartDate" hidden="1">
            <a:extLst>
              <a:ext uri="{FF2B5EF4-FFF2-40B4-BE49-F238E27FC236}">
                <a16:creationId xmlns:a16="http://schemas.microsoft.com/office/drawing/2014/main" xmlns="" id="{56D4B1F0-E2FE-4033-B76D-4A6DA82D730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5" name="OTLSHAPE_SLT_ba53a520426c462abee9f8622d82b782_EndDate" hidden="1">
            <a:extLst>
              <a:ext uri="{FF2B5EF4-FFF2-40B4-BE49-F238E27FC236}">
                <a16:creationId xmlns:a16="http://schemas.microsoft.com/office/drawing/2014/main" xmlns="" id="{D0ABAC7C-580B-4760-9352-36AC06F7935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76" name="OTLSHAPE_SLT_ba53a520426c462abee9f8622d82b782_JoinedDate" hidden="1">
            <a:extLst>
              <a:ext uri="{FF2B5EF4-FFF2-40B4-BE49-F238E27FC236}">
                <a16:creationId xmlns:a16="http://schemas.microsoft.com/office/drawing/2014/main" xmlns="" id="{4D3BE619-398A-4929-95D0-9ED55E786B6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142094" y="272211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80" name="OTLSHAPE_SLT_8f0749ddc5e54782ba842434ba5445ce_Duration" hidden="1">
            <a:extLst>
              <a:ext uri="{FF2B5EF4-FFF2-40B4-BE49-F238E27FC236}">
                <a16:creationId xmlns:a16="http://schemas.microsoft.com/office/drawing/2014/main" xmlns="" id="{35DD0728-B753-4D8C-892F-BD259069F92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1" name="OTLSHAPE_SLT_8f0749ddc5e54782ba842434ba5445ce_TextPercentage" hidden="1">
            <a:extLst>
              <a:ext uri="{FF2B5EF4-FFF2-40B4-BE49-F238E27FC236}">
                <a16:creationId xmlns:a16="http://schemas.microsoft.com/office/drawing/2014/main" xmlns="" id="{7B789995-4546-4302-A26F-01ECBBE21B5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2" name="OTLSHAPE_SLT_8f0749ddc5e54782ba842434ba5445ce_StartDate" hidden="1">
            <a:extLst>
              <a:ext uri="{FF2B5EF4-FFF2-40B4-BE49-F238E27FC236}">
                <a16:creationId xmlns:a16="http://schemas.microsoft.com/office/drawing/2014/main" xmlns="" id="{00894817-F816-43F6-86C3-FCC87BDF92D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3" name="OTLSHAPE_SLT_8f0749ddc5e54782ba842434ba5445ce_EndDate" hidden="1">
            <a:extLst>
              <a:ext uri="{FF2B5EF4-FFF2-40B4-BE49-F238E27FC236}">
                <a16:creationId xmlns:a16="http://schemas.microsoft.com/office/drawing/2014/main" xmlns="" id="{0ED4CC8C-4C6B-4422-9459-5696A713C10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4" name="OTLSHAPE_SLT_8f0749ddc5e54782ba842434ba5445ce_JoinedDate" hidden="1">
            <a:extLst>
              <a:ext uri="{FF2B5EF4-FFF2-40B4-BE49-F238E27FC236}">
                <a16:creationId xmlns:a16="http://schemas.microsoft.com/office/drawing/2014/main" xmlns="" id="{9AEFC7D0-5AB4-42C0-83ED-5AC1CB2C6B3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142094" y="31393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107" name="OTLSHAPE_SLT_251aff416e624e9cac5f484d00ba4bb9_Duration" hidden="1">
            <a:extLst>
              <a:ext uri="{FF2B5EF4-FFF2-40B4-BE49-F238E27FC236}">
                <a16:creationId xmlns:a16="http://schemas.microsoft.com/office/drawing/2014/main" xmlns="" id="{EDAC7F8B-8DA4-4602-B9C5-0C0A8BBAC51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8" name="OTLSHAPE_SLT_251aff416e624e9cac5f484d00ba4bb9_TextPercentage" hidden="1">
            <a:extLst>
              <a:ext uri="{FF2B5EF4-FFF2-40B4-BE49-F238E27FC236}">
                <a16:creationId xmlns:a16="http://schemas.microsoft.com/office/drawing/2014/main" xmlns="" id="{9E5788C2-7D71-4892-AE1D-57CF6C52394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09" name="OTLSHAPE_SLT_251aff416e624e9cac5f484d00ba4bb9_StartDate" hidden="1">
            <a:extLst>
              <a:ext uri="{FF2B5EF4-FFF2-40B4-BE49-F238E27FC236}">
                <a16:creationId xmlns:a16="http://schemas.microsoft.com/office/drawing/2014/main" xmlns="" id="{95286FB8-6538-4A60-A0F6-DEF81FD7F19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0" name="OTLSHAPE_SLT_251aff416e624e9cac5f484d00ba4bb9_EndDate" hidden="1">
            <a:extLst>
              <a:ext uri="{FF2B5EF4-FFF2-40B4-BE49-F238E27FC236}">
                <a16:creationId xmlns:a16="http://schemas.microsoft.com/office/drawing/2014/main" xmlns="" id="{30AFFA8E-DAFE-408C-8D84-17ED1BB1CEC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11" name="OTLSHAPE_SLT_251aff416e624e9cac5f484d00ba4bb9_JoinedDate" hidden="1">
            <a:extLst>
              <a:ext uri="{FF2B5EF4-FFF2-40B4-BE49-F238E27FC236}">
                <a16:creationId xmlns:a16="http://schemas.microsoft.com/office/drawing/2014/main" xmlns="" id="{C32FE1B3-EEF7-4601-9D38-8224F46608C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297988" y="344957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ul 1 - Aug 31</a:t>
            </a:r>
          </a:p>
        </p:txBody>
      </p:sp>
      <p:sp>
        <p:nvSpPr>
          <p:cNvPr id="112" name="OTLSHAPE_SLT_251aff416e624e9cac5f484d00ba4bb9_Title">
            <a:extLst>
              <a:ext uri="{FF2B5EF4-FFF2-40B4-BE49-F238E27FC236}">
                <a16:creationId xmlns:a16="http://schemas.microsoft.com/office/drawing/2014/main" xmlns="" id="{B8183C91-1815-4F8A-91E0-7B6D0BA25B1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986908" y="4398504"/>
            <a:ext cx="14888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ull UNTD ported over</a:t>
            </a:r>
          </a:p>
        </p:txBody>
      </p:sp>
      <p:sp>
        <p:nvSpPr>
          <p:cNvPr id="123" name="OTLSHAPE_SLT_40875305c26e4fbbb8d12d3d34838009_Duration" hidden="1">
            <a:extLst>
              <a:ext uri="{FF2B5EF4-FFF2-40B4-BE49-F238E27FC236}">
                <a16:creationId xmlns:a16="http://schemas.microsoft.com/office/drawing/2014/main" xmlns="" id="{89844F80-D3CB-4CF5-B5B0-7728D8D7B68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4" name="OTLSHAPE_SLT_40875305c26e4fbbb8d12d3d34838009_TextPercentage" hidden="1">
            <a:extLst>
              <a:ext uri="{FF2B5EF4-FFF2-40B4-BE49-F238E27FC236}">
                <a16:creationId xmlns:a16="http://schemas.microsoft.com/office/drawing/2014/main" xmlns="" id="{8C4C138F-39CE-42FA-9089-F390C92A84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5" name="OTLSHAPE_SLT_40875305c26e4fbbb8d12d3d34838009_StartDate" hidden="1">
            <a:extLst>
              <a:ext uri="{FF2B5EF4-FFF2-40B4-BE49-F238E27FC236}">
                <a16:creationId xmlns:a16="http://schemas.microsoft.com/office/drawing/2014/main" xmlns="" id="{C22498AE-2704-45C4-BC3A-C5BA0183995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6" name="OTLSHAPE_SLT_40875305c26e4fbbb8d12d3d34838009_EndDate" hidden="1">
            <a:extLst>
              <a:ext uri="{FF2B5EF4-FFF2-40B4-BE49-F238E27FC236}">
                <a16:creationId xmlns:a16="http://schemas.microsoft.com/office/drawing/2014/main" xmlns="" id="{5CE13641-5D89-482D-B83B-81C3569A37C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27" name="OTLSHAPE_SLT_40875305c26e4fbbb8d12d3d34838009_JoinedDate" hidden="1">
            <a:extLst>
              <a:ext uri="{FF2B5EF4-FFF2-40B4-BE49-F238E27FC236}">
                <a16:creationId xmlns:a16="http://schemas.microsoft.com/office/drawing/2014/main" xmlns="" id="{8FB1C5B5-D451-4DEF-9536-42EF8B89F6A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142094" y="230488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128" name="OTLSHAPE_SLT_40875305c26e4fbbb8d12d3d34838009_Title">
            <a:extLst>
              <a:ext uri="{FF2B5EF4-FFF2-40B4-BE49-F238E27FC236}">
                <a16:creationId xmlns:a16="http://schemas.microsoft.com/office/drawing/2014/main" xmlns="" id="{E4A8BA56-4031-4CA9-BFEF-F73833CB67B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173837" y="3768612"/>
            <a:ext cx="20613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UNTD pilot numbers ported over</a:t>
            </a:r>
          </a:p>
        </p:txBody>
      </p:sp>
      <p:sp>
        <p:nvSpPr>
          <p:cNvPr id="131" name="OTLSHAPE_SLT_bf49cacd572042438ad8aed6c5db18b3_Duration" hidden="1">
            <a:extLst>
              <a:ext uri="{FF2B5EF4-FFF2-40B4-BE49-F238E27FC236}">
                <a16:creationId xmlns:a16="http://schemas.microsoft.com/office/drawing/2014/main" xmlns="" id="{82EB0D0F-AC5B-43AF-AB9B-A5F6E15BC6C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2" name="OTLSHAPE_SLT_bf49cacd572042438ad8aed6c5db18b3_TextPercentage" hidden="1">
            <a:extLst>
              <a:ext uri="{FF2B5EF4-FFF2-40B4-BE49-F238E27FC236}">
                <a16:creationId xmlns:a16="http://schemas.microsoft.com/office/drawing/2014/main" xmlns="" id="{6E84BF74-3362-4BB9-9E70-2A79FE82E85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3" name="OTLSHAPE_SLT_bf49cacd572042438ad8aed6c5db18b3_StartDate" hidden="1">
            <a:extLst>
              <a:ext uri="{FF2B5EF4-FFF2-40B4-BE49-F238E27FC236}">
                <a16:creationId xmlns:a16="http://schemas.microsoft.com/office/drawing/2014/main" xmlns="" id="{38BBBC71-EEC6-4DAA-8EF7-8852C5E9B47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4" name="OTLSHAPE_SLT_bf49cacd572042438ad8aed6c5db18b3_EndDate" hidden="1">
            <a:extLst>
              <a:ext uri="{FF2B5EF4-FFF2-40B4-BE49-F238E27FC236}">
                <a16:creationId xmlns:a16="http://schemas.microsoft.com/office/drawing/2014/main" xmlns="" id="{6EDE9D6C-168A-43E9-B903-2123E165CEB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35" name="OTLSHAPE_SLT_bf49cacd572042438ad8aed6c5db18b3_JoinedDate" hidden="1">
            <a:extLst>
              <a:ext uri="{FF2B5EF4-FFF2-40B4-BE49-F238E27FC236}">
                <a16:creationId xmlns:a16="http://schemas.microsoft.com/office/drawing/2014/main" xmlns="" id="{1D3992E6-D742-45DE-8BD7-BA92D43B486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142094" y="251349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Jun 30</a:t>
            </a:r>
          </a:p>
        </p:txBody>
      </p:sp>
      <p:sp>
        <p:nvSpPr>
          <p:cNvPr id="136" name="OTLSHAPE_SLT_bf49cacd572042438ad8aed6c5db18b3_Title">
            <a:extLst>
              <a:ext uri="{FF2B5EF4-FFF2-40B4-BE49-F238E27FC236}">
                <a16:creationId xmlns:a16="http://schemas.microsoft.com/office/drawing/2014/main" xmlns="" id="{BA0F4F91-98F3-4AA6-9860-E155FEDC209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148819" y="3974884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ilot success evaluated</a:t>
            </a:r>
          </a:p>
        </p:txBody>
      </p:sp>
      <p:sp>
        <p:nvSpPr>
          <p:cNvPr id="139" name="OTLSHAPE_SLT_ba5ab211274e4452b4f83966b69b87c0_Duration" hidden="1">
            <a:extLst>
              <a:ext uri="{FF2B5EF4-FFF2-40B4-BE49-F238E27FC236}">
                <a16:creationId xmlns:a16="http://schemas.microsoft.com/office/drawing/2014/main" xmlns="" id="{08267424-E8EF-4BE1-B94B-EE2807BE86A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0" name="OTLSHAPE_SLT_ba5ab211274e4452b4f83966b69b87c0_TextPercentage" hidden="1">
            <a:extLst>
              <a:ext uri="{FF2B5EF4-FFF2-40B4-BE49-F238E27FC236}">
                <a16:creationId xmlns:a16="http://schemas.microsoft.com/office/drawing/2014/main" xmlns="" id="{2BCC6592-756B-4FAD-8F5F-2B67BFC0969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1" name="OTLSHAPE_SLT_ba5ab211274e4452b4f83966b69b87c0_StartDate" hidden="1">
            <a:extLst>
              <a:ext uri="{FF2B5EF4-FFF2-40B4-BE49-F238E27FC236}">
                <a16:creationId xmlns:a16="http://schemas.microsoft.com/office/drawing/2014/main" xmlns="" id="{13945406-8F2D-4978-AC42-EB868808151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2" name="OTLSHAPE_SLT_ba5ab211274e4452b4f83966b69b87c0_EndDate" hidden="1">
            <a:extLst>
              <a:ext uri="{FF2B5EF4-FFF2-40B4-BE49-F238E27FC236}">
                <a16:creationId xmlns:a16="http://schemas.microsoft.com/office/drawing/2014/main" xmlns="" id="{2E8846DA-C9AD-4F5A-BAAA-ECC34E6D7D3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143" name="OTLSHAPE_SLT_ba5ab211274e4452b4f83966b69b87c0_JoinedDate" hidden="1">
            <a:extLst>
              <a:ext uri="{FF2B5EF4-FFF2-40B4-BE49-F238E27FC236}">
                <a16:creationId xmlns:a16="http://schemas.microsoft.com/office/drawing/2014/main" xmlns="" id="{D988D2C5-7CF7-454C-9DF4-2276AEFAB31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672759" y="293073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4</a:t>
            </a:r>
          </a:p>
        </p:txBody>
      </p:sp>
      <p:sp>
        <p:nvSpPr>
          <p:cNvPr id="46" name="Title 3">
            <a:extLst>
              <a:ext uri="{FF2B5EF4-FFF2-40B4-BE49-F238E27FC236}">
                <a16:creationId xmlns:a16="http://schemas.microsoft.com/office/drawing/2014/main" xmlns="" id="{A75D6AB4-FC9D-44C6-9187-D338F4AFDDA3}"/>
              </a:ext>
            </a:extLst>
          </p:cNvPr>
          <p:cNvSpPr txBox="1">
            <a:spLocks/>
          </p:cNvSpPr>
          <p:nvPr/>
        </p:nvSpPr>
        <p:spPr>
          <a:xfrm>
            <a:off x="3469491" y="602147"/>
            <a:ext cx="6043855" cy="767912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44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imeline of ICP Progress</a:t>
            </a:r>
          </a:p>
        </p:txBody>
      </p:sp>
      <p:sp>
        <p:nvSpPr>
          <p:cNvPr id="145" name="OTLSHAPE_SLT_251aff416e624e9cac5f484d00ba4bb9_Shape">
            <a:extLst>
              <a:ext uri="{FF2B5EF4-FFF2-40B4-BE49-F238E27FC236}">
                <a16:creationId xmlns:a16="http://schemas.microsoft.com/office/drawing/2014/main" xmlns="" id="{0E95D12F-98F7-4563-A198-931E981D208E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8987356" y="4611264"/>
            <a:ext cx="1648411" cy="128016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251aff416e624e9cac5f484d00ba4bb9_Title">
            <a:extLst>
              <a:ext uri="{FF2B5EF4-FFF2-40B4-BE49-F238E27FC236}">
                <a16:creationId xmlns:a16="http://schemas.microsoft.com/office/drawing/2014/main" xmlns="" id="{B8183C91-1815-4F8A-91E0-7B6D0BA25B1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695129" y="4587231"/>
            <a:ext cx="1219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oject evaluation</a:t>
            </a:r>
          </a:p>
        </p:txBody>
      </p:sp>
      <p:sp>
        <p:nvSpPr>
          <p:cNvPr id="147" name="OTLSHAPE_SLT_251aff416e624e9cac5f484d00ba4bb9_Shape">
            <a:extLst>
              <a:ext uri="{FF2B5EF4-FFF2-40B4-BE49-F238E27FC236}">
                <a16:creationId xmlns:a16="http://schemas.microsoft.com/office/drawing/2014/main" xmlns="" id="{0E95D12F-98F7-4563-A198-931E981D208E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5613527" y="4844513"/>
            <a:ext cx="3901262" cy="128016"/>
          </a:xfrm>
          <a:prstGeom prst="roundRect">
            <a:avLst/>
          </a:prstGeom>
          <a:solidFill>
            <a:srgbClr val="60A3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251aff416e624e9cac5f484d00ba4bb9_Title">
            <a:extLst>
              <a:ext uri="{FF2B5EF4-FFF2-40B4-BE49-F238E27FC236}">
                <a16:creationId xmlns:a16="http://schemas.microsoft.com/office/drawing/2014/main" xmlns="" id="{B8183C91-1815-4F8A-91E0-7B6D0BA25B1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573797" y="4823376"/>
            <a:ext cx="1219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tinuing Training</a:t>
            </a:r>
          </a:p>
        </p:txBody>
      </p:sp>
      <p:sp>
        <p:nvSpPr>
          <p:cNvPr id="149" name="OTLSHAPE_TB_00000000000000000000000000000000_ScaleMarking1">
            <a:extLst>
              <a:ext uri="{FF2B5EF4-FFF2-40B4-BE49-F238E27FC236}">
                <a16:creationId xmlns:a16="http://schemas.microsoft.com/office/drawing/2014/main" xmlns="" id="{13D29DC4-36A6-4ED7-91CF-ED6992548BB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967863" y="174117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rgbClr val="1AAA4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50" name="OTLSHAPE_TB_00000000000000000000000000000000_TimescaleInterval4">
            <a:extLst>
              <a:ext uri="{FF2B5EF4-FFF2-40B4-BE49-F238E27FC236}">
                <a16:creationId xmlns:a16="http://schemas.microsoft.com/office/drawing/2014/main" xmlns="" id="{B8D6FD9C-28F0-4F77-89F0-B97E9EB081A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887528" y="1993041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6598501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0" name="Rectangle 9">
            <a:extLst>
              <a:ext uri="{FF2B5EF4-FFF2-40B4-BE49-F238E27FC236}">
                <a16:creationId xmlns:a16="http://schemas.microsoft.com/office/drawing/2014/main" xmlns="" id="{3B854194-185D-494D-905C-7C7CB2E30F6E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1" y="0"/>
            <a:ext cx="608211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B4F5FA0D-0104-4987-8241-EFF7C85B88DE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1" y="0"/>
            <a:ext cx="12191998" cy="6858000"/>
          </a:xfrm>
          <a:prstGeom prst="rect">
            <a:avLst/>
          </a:prstGeom>
          <a:gradFill>
            <a:gsLst>
              <a:gs pos="0">
                <a:schemeClr val="accent1">
                  <a:lumMod val="90000"/>
                </a:schemeClr>
              </a:gs>
              <a:gs pos="25000">
                <a:schemeClr val="accent1">
                  <a:lumMod val="90000"/>
                </a:schemeClr>
              </a:gs>
              <a:gs pos="94000">
                <a:schemeClr val="bg2">
                  <a:lumMod val="25000"/>
                </a:schemeClr>
              </a:gs>
              <a:gs pos="100000">
                <a:schemeClr val="bg2">
                  <a:lumMod val="25000"/>
                </a:schemeClr>
              </a:gs>
            </a:gsLst>
            <a:lin ang="4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xmlns="" id="{2897127E-6CEF-446C-BE87-93B7C46E49D1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9F3EF823-0F69-4D48-92B9-C9583271EC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1835" y="2053641"/>
            <a:ext cx="3669161" cy="276009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b="1" kern="120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Weekly</a:t>
            </a:r>
            <a:br>
              <a:rPr lang="en-US" b="1" kern="120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</a:br>
            <a:r>
              <a:rPr lang="en-US" b="1" kern="120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Meetings</a:t>
            </a:r>
          </a:p>
        </p:txBody>
      </p:sp>
      <p:sp>
        <p:nvSpPr>
          <p:cNvPr id="5" name="Subtitle 2">
            <a:extLst>
              <a:ext uri="{FF2B5EF4-FFF2-40B4-BE49-F238E27FC236}">
                <a16:creationId xmlns:a16="http://schemas.microsoft.com/office/drawing/2014/main" xmlns="" id="{5432F111-1C78-4F8C-9893-DC3B137713BC}"/>
              </a:ext>
            </a:extLst>
          </p:cNvPr>
          <p:cNvSpPr txBox="1">
            <a:spLocks/>
          </p:cNvSpPr>
          <p:nvPr/>
        </p:nvSpPr>
        <p:spPr>
          <a:xfrm>
            <a:off x="6090574" y="801866"/>
            <a:ext cx="5306084" cy="523063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228600" algn="l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</a:rPr>
              <a:t>Architecture and e-911</a:t>
            </a:r>
          </a:p>
          <a:p>
            <a:pPr marL="457200" indent="-228600" algn="l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</a:rPr>
              <a:t>Call Center</a:t>
            </a:r>
          </a:p>
          <a:p>
            <a:pPr marL="457200" indent="-228600" algn="l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</a:rPr>
              <a:t>Client Support</a:t>
            </a:r>
          </a:p>
          <a:p>
            <a:pPr marL="457200" indent="-228600" algn="l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</a:rPr>
              <a:t>Communications and Training</a:t>
            </a:r>
          </a:p>
          <a:p>
            <a:pPr marL="457200" indent="-228600" algn="l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0000"/>
                </a:solidFill>
              </a:rPr>
              <a:t>Migration Planning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1350572-AD22-420B-8BB3-DFAF826AE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825930" y="6223702"/>
            <a:ext cx="570728" cy="314067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marR="0" lvl="0" indent="0" fontAlgn="auto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sz="1000" b="0" i="0" u="none" strike="noStrike" cap="none" spc="0" normalizeH="0" baseline="0" noProof="0">
                <a:ln>
                  <a:noFill/>
                </a:ln>
                <a:solidFill>
                  <a:srgbClr val="898989"/>
                </a:solidFill>
                <a:effectLst/>
                <a:uLnTx/>
                <a:uFillTx/>
                <a:latin typeface="+mn-lt"/>
                <a:cs typeface="+mn-cs"/>
              </a:rPr>
              <a:pPr marR="0" lvl="0" indent="0" fontAlgn="auto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000" b="0" i="0" u="none" strike="noStrike" cap="none" spc="0" normalizeH="0" baseline="0" noProof="0">
              <a:ln>
                <a:noFill/>
              </a:ln>
              <a:solidFill>
                <a:srgbClr val="898989"/>
              </a:solidFill>
              <a:effectLst/>
              <a:uLnTx/>
              <a:uFillTx/>
              <a:latin typeface="+mn-lt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0557268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AE2B703B-46F9-481A-A605-82E2A828C4FA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9F3EF823-0F69-4D48-92B9-C9583271EC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59863"/>
            <a:ext cx="10515600" cy="1004594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kern="120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Resources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xmlns="" id="{F13BE4D7-0C3D-4906-B230-A1C5B4665CCF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579496" y="1587970"/>
            <a:ext cx="11033008" cy="4768380"/>
          </a:xfrm>
          <a:prstGeom prst="roundRect">
            <a:avLst>
              <a:gd name="adj" fmla="val 3174"/>
            </a:avLst>
          </a:prstGeom>
          <a:solidFill>
            <a:schemeClr val="bg1">
              <a:alpha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1350572-AD22-420B-8BB3-DFAF826AE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marR="0" lvl="0" indent="0" fontAlgn="auto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CC7B5CB3-F6A7-BC47-8CB9-F0ABF2A1689F}" type="slidenum">
              <a:rPr kumimoji="0" lang="en-US" b="0" i="0" u="none" strike="noStrike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  <a:cs typeface="+mn-cs"/>
              </a:rPr>
              <a:pPr marR="0" lvl="0" indent="0" fontAlgn="auto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b="0" i="0" u="none" strike="noStrike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+mn-lt"/>
              <a:cs typeface="+mn-cs"/>
            </a:endParaRPr>
          </a:p>
        </p:txBody>
      </p:sp>
      <p:graphicFrame>
        <p:nvGraphicFramePr>
          <p:cNvPr id="7" name="Subtitle 2">
            <a:extLst>
              <a:ext uri="{FF2B5EF4-FFF2-40B4-BE49-F238E27FC236}">
                <a16:creationId xmlns:a16="http://schemas.microsoft.com/office/drawing/2014/main" xmlns="" id="{F4E2D8A3-18E5-4B12-BE9A-C4579462957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05476498"/>
              </p:ext>
            </p:extLst>
          </p:nvPr>
        </p:nvGraphicFramePr>
        <p:xfrm>
          <a:off x="838200" y="1800911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990926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6" name="Rectangle 12">
            <a:extLst>
              <a:ext uri="{FF2B5EF4-FFF2-40B4-BE49-F238E27FC236}">
                <a16:creationId xmlns:a16="http://schemas.microsoft.com/office/drawing/2014/main" xmlns="" id="{201CC55D-ED54-4C5C-95E6-10947BD1103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0"/>
            <a:ext cx="12191999" cy="685736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CC300548-A31E-4BD5-A578-43AE3F07E2B0}"/>
              </a:ext>
            </a:extLst>
          </p:cNvPr>
          <p:cNvSpPr txBox="1"/>
          <p:nvPr/>
        </p:nvSpPr>
        <p:spPr>
          <a:xfrm>
            <a:off x="589560" y="856180"/>
            <a:ext cx="4560584" cy="1128068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2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Questions ??</a:t>
            </a:r>
          </a:p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200" b="1" dirty="0">
                <a:solidFill>
                  <a:schemeClr val="tx1">
                    <a:lumMod val="75000"/>
                    <a:lumOff val="2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and Thank YOU!</a:t>
            </a:r>
          </a:p>
        </p:txBody>
      </p:sp>
      <p:grpSp>
        <p:nvGrpSpPr>
          <p:cNvPr id="47" name="Group 14">
            <a:extLst>
              <a:ext uri="{FF2B5EF4-FFF2-40B4-BE49-F238E27FC236}">
                <a16:creationId xmlns:a16="http://schemas.microsoft.com/office/drawing/2014/main" xmlns="" id="{1DE889C7-FAD6-4397-98E2-05D503484459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GrpSpPr>
        <p:grpSpPr>
          <a:xfrm>
            <a:off x="0" y="1083484"/>
            <a:ext cx="355196" cy="673460"/>
            <a:chOff x="0" y="823811"/>
            <a:chExt cx="355196" cy="673460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xmlns="" id="{F399A70F-F8CD-4992-9EF5-6CF15472E73F}"/>
                </a:ext>
                <a:ext uri="{C183D7F6-B498-43B3-948B-1728B52AA6E4}">
                  <adec:decorative xmlns:adec="http://schemas.microsoft.com/office/drawing/2017/decorative" xmlns="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>
            <a:xfrm>
              <a:off x="0" y="823811"/>
              <a:ext cx="87363" cy="67346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8" name="Rectangle 16">
              <a:extLst>
                <a:ext uri="{FF2B5EF4-FFF2-40B4-BE49-F238E27FC236}">
                  <a16:creationId xmlns:a16="http://schemas.microsoft.com/office/drawing/2014/main" xmlns="" id="{48F4FEDC-6D80-458C-A665-075D9B9500FD}"/>
                </a:ext>
                <a:ext uri="{C183D7F6-B498-43B3-948B-1728B52AA6E4}">
                  <adec:decorative xmlns:adec="http://schemas.microsoft.com/office/drawing/2017/decorative" xmlns="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xmlns="" val="1"/>
                </p:ext>
              </p:extLst>
            </p:nvPr>
          </p:nvSpPr>
          <p:spPr>
            <a:xfrm>
              <a:off x="159341" y="823811"/>
              <a:ext cx="195855" cy="67346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9" name="Rectangle 18">
            <a:extLst>
              <a:ext uri="{FF2B5EF4-FFF2-40B4-BE49-F238E27FC236}">
                <a16:creationId xmlns:a16="http://schemas.microsoft.com/office/drawing/2014/main" xmlns="" id="{3873B707-463F-40B0-8227-E8CC6C67EB25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flipH="1">
            <a:off x="665085" y="2090569"/>
            <a:ext cx="4297680" cy="27432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C65C5B7D-138F-4984-89BE-C3036959B0C8}"/>
              </a:ext>
            </a:extLst>
          </p:cNvPr>
          <p:cNvSpPr txBox="1"/>
          <p:nvPr/>
        </p:nvSpPr>
        <p:spPr>
          <a:xfrm>
            <a:off x="788802" y="3175231"/>
            <a:ext cx="3755038" cy="1754234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/>
          </a:bodyPr>
          <a:lstStyle/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  <a:cs typeface="Arial" panose="020B0604020202020204" pitchFamily="34" charset="0"/>
              </a:rPr>
              <a:t>Patrick Holler</a:t>
            </a: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  <a:cs typeface="Arial" panose="020B0604020202020204" pitchFamily="34" charset="0"/>
              </a:rPr>
              <a:t>IT Manager</a:t>
            </a: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  <a:cs typeface="Arial" panose="020B0604020202020204" pitchFamily="34" charset="0"/>
              </a:rPr>
              <a:t>UNT Dallas</a:t>
            </a: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b="1" dirty="0">
                <a:latin typeface="+mj-lt"/>
                <a:cs typeface="Arial" panose="020B0604020202020204" pitchFamily="34" charset="0"/>
                <a:hlinkClick r:id="rId3"/>
              </a:rPr>
              <a:t>Patrick.holler@untdallas.edu</a:t>
            </a:r>
            <a:r>
              <a:rPr lang="en-US" sz="2400" b="1" dirty="0">
                <a:latin typeface="+mj-lt"/>
                <a:cs typeface="Arial" panose="020B0604020202020204" pitchFamily="34" charset="0"/>
              </a:rPr>
              <a:t> </a:t>
            </a: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indent="-228600">
              <a:lnSpc>
                <a:spcPct val="9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000" dirty="0"/>
          </a:p>
        </p:txBody>
      </p:sp>
      <p:sp>
        <p:nvSpPr>
          <p:cNvPr id="50" name="Rectangle 20">
            <a:extLst>
              <a:ext uri="{FF2B5EF4-FFF2-40B4-BE49-F238E27FC236}">
                <a16:creationId xmlns:a16="http://schemas.microsoft.com/office/drawing/2014/main" xmlns="" id="{C13237C8-E62C-4F0D-A318-BD6FB6C2D138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 flipH="1">
            <a:off x="10697670" y="0"/>
            <a:ext cx="149433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Rectangle 22">
            <a:extLst>
              <a:ext uri="{FF2B5EF4-FFF2-40B4-BE49-F238E27FC236}">
                <a16:creationId xmlns:a16="http://schemas.microsoft.com/office/drawing/2014/main" xmlns="" id="{19C9EAEA-39D0-4B0E-A0EB-51E7B26740B1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5685810" y="513853"/>
            <a:ext cx="6009366" cy="5834577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139700" dist="127000" dir="5400000" algn="t" rotWithShape="0">
              <a:prstClr val="black">
                <a:alpha val="15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62" r="4" b="4"/>
          <a:stretch/>
        </p:blipFill>
        <p:spPr>
          <a:xfrm>
            <a:off x="5977788" y="799352"/>
            <a:ext cx="5425410" cy="5259296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xmlns="" id="{6C08FADD-A248-40BA-B370-8F19B0204F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385070" y="6492240"/>
            <a:ext cx="1055716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600"/>
              </a:spcAft>
              <a:defRPr/>
            </a:pPr>
            <a:fld id="{CC7B5CB3-F6A7-BC47-8CB9-F0ABF2A1689F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 panose="020F0502020204030204"/>
                <a:cs typeface="+mn-cs"/>
              </a:rPr>
              <a:pPr>
                <a:spcAft>
                  <a:spcPts val="600"/>
                </a:spcAft>
                <a:defRPr/>
              </a:pPr>
              <a:t>6</a:t>
            </a:fld>
            <a:endParaRPr lang="en-US">
              <a:solidFill>
                <a:prstClr val="black">
                  <a:tint val="75000"/>
                </a:prstClr>
              </a:solidFill>
              <a:latin typeface="Calibri" panose="020F0502020204030204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727634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y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I2LCJHIjoxNzAsIkIiOjY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ywiUXVpY2tQb3NpdGlvbiI6MywiQWJzb2x1dGVQb3NpdGlvbiI6MTUzLjE4MTgwO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mZhbHN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k2LCJHIjoxNjMsIkIiOjB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3MCIsIk1hcmdpbiI6eyIkcmVmIjoiMTQzIn0sIlBhZGRpbmciOnsiJHJlZiI6IjE0NCJ9LCJCYWNrZ3JvdW5kIjp7IiRpZCI6IjE3MSIsIkNvbG9yIjp7IiRpZCI6IjE3MiIsIkEiOjEyNywiUiI6MCwiRyI6ODYsIkIiOjIyfX0sIklzVmlzaWJsZSI6ZmFsc2UsIldpZHRoIjowLjAsIkhlaWdodCI6MC4wLCJCb3JkZXJTdHlsZSI6eyIkaWQiOiIxNzMiLCJMaW5lQ29sb3IiOnsiJGlkIjoiMTc0IiwiJHR5cGUiOiJOTFJFLkNvbW1vbi5Eb20uU29saWRDb2xvckJydXNoLCBOTFJFLkNvbW1vbiIsIkNvbG9yIjp7IiRpZCI6IjE3NSIsIkEiOjI1NSwiUiI6MjIsIkciOjI4LCJCIjoz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NzYiLCJNYXJnaW4iOnsiJHJlZiI6IjE1MyJ9LCJQYWRkaW5nIjp7IiRyZWYiOiIxNTQifSwiQmFja2dyb3VuZCI6eyIkaWQiOiIxNzciLCJDb2xvciI6eyIkaWQiOiIxNzgiLCJBIjozOCwiUiI6MjYsIkciOjE3MCwiQiI6NjZ9fSwiSXNWaXNpYmxlIjp0cnVlLCJXaWR0aCI6MC4wLCJIZWlnaHQiOjAuMCwiQm9yZGVyU3R5bGUiOnsiJGlkIjoiMTc5IiwiTGluZUNvbG9yIjp7IiRpZCI6IjE4MCIsIiR0eXBlIjoiTkxSRS5Db21tb24uRG9tLlNvbGlkQ29sb3JCcnVzaCwgTkxSRS5Db21tb24iLCJDb2xvciI6eyIkaWQiOiIxODEiLCJBIjoyNTUsIlIiOjIyLCJHIjoyOCwiQiI6Mz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gyIiwiX2F0dGFjaGVkTWlsZXN0b25lcyI6W10sIlRhc2tEZWZpbml0aW9uIjp7IiRpZCI6IjE4MyIsIkdyb3VwTmFtZSI6bnVsbCwiU3RhcnREYXRlIjoiMjAyMC0wMy0wMVQwMDowMDowMFoiLCJFbmREYXRlIjoiMjAyMC0wNC0zMFQyMzo1OTowMF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E4NyIsIlRvcCI6MCwiTGVmdCI6MCwiUmlnaHQiOjAsIkJvdHRvbSI6MH0sIlBhZGRpbmciOnsiJGlkIjoiMTg4IiwiVG9wIjowLCJMZWZ0IjowLCJSaWdodCI6MCwiQm90dG9tIjow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EdXJhdGlvbl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GlkIjoiMTk4IiwiQ29sb3IiOnsiJHJlZiI6IjE5MCJ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E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E2IiwiVG9wIjowLCJMZWZ0IjowLCJSaWdodCI6MCwiQm90dG9tIjowfSwiUGFkZGluZyI6eyIkaWQiOiIyMTciLCJUb3AiOjAsIkxlZnQiOjAsIlJpZ2h0IjowLCJCb3R0b20iOjB9LCJCYWNrZ3JvdW5kIjp7IiRpZCI6IjIxOCIsIkNvbG9yIjp7IiRyZWYiOiIxOTAifX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iLCJUb3AiOjAsIkxlZnQiOjAsIlJpZ2h0IjowLCJCb3R0b20iOjB9LCJQYWRkaW5nIjp7IiRpZCI6IjIyNSIsIlRvcCI6MCwiTGVmdCI6MCwiUmlnaHQiOjAsIkJvdHRvbSI6MH0sIkJhY2tncm91bmQiOnsiJGlkIjoiMjI2IiwiQ29sb3IiOnsiJHJlZiI6IjE5MCJ9fSwiSXNWaXNpYmxlIjp0cnVlLCJXaWR0aCI6MC4wLCJIZWlnaHQiOjAuMCwiQm9yZGVyU3R5bGUiOnsiJGlkIjoiMjI3IiwiTGluZUNvbG9yIjpudWxsLCJMaW5lV2VpZ2h0IjowLjAsIkxpbmVUeXBlIjowLCJQYXJlbnRTdHlsZSI6bnVsbH0sIlBhcmVudFN0eWxlIjpudWxsfSwiRGF0ZUZvcm1hdCI6eyIkaWQiOiIy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M1IiwiVG9wIjowLCJMZWZ0IjowLCJSaWdodCI6MCwiQm90dG9tIjowfSwiUGFkZGluZyI6eyIkaWQiOiIyMzYiLCJUb3AiOjAsIkxlZnQiOjAsIlJpZ2h0IjowLCJCb3R0b20iOjB9LCJCYWNrZ3JvdW5kIjp7IiRpZCI6IjIzNyIsIkNvbG9yIjp7IiRpZCI6IjIzOCIsIkEiOjg5LCJSIjowLCJHIjowLCJCIjowfX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U0IiwiTWFyZ2luIjp7IiRpZCI6IjI1NSIsIlRvcCI6MCwiTGVmdCI6NCwiUmlnaHQiOjQsIkJvdHRvbSI6MH0sIlBhZGRpbmciOnsiJGlkIjoiMjU2IiwiVG9wIjowLCJMZWZ0IjowLCJSaWdodCI6MCwiQm90dG9tIjowfSwiQmFja2dyb3VuZCI6eyIkcmVmIjoiMTA2In0sIklzVmlzaWJsZSI6dHJ1ZSwiV2lkdGgiOjAuMCwiSGVpZ2h0Ijox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UaXRsZVN0eWxlIjp7IiRpZCI6IjI2MCIsIkZvbnRTZXR0aW5ncyI6eyIkaWQiOiIyNjEiLCJGb250U2l6ZSI6MTEsIkZvbnROYW1lIjoiQ2FsaWJyaSIsIklzQm9sZCI6dHJ1ZSwiSXNJdGFsaWMiOmZhbHNlLCJJc1VuZGVybGluZWQiOmZhbHNlLCJQYXJlbnRTdHlsZSI6bnVsbH0sIkF1dG9TaXplIjowLCJGb3JlZ3JvdW5kIjp7IiRpZCI6IjI2MiIsIkNvbG9yIjp7IiRpZCI6IjI2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nsiJGlkIjoiMjY2IiwiQ29sb3IiOnsiJHJlZiI6IjIzOCJ9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aWQiOiIyNzAiLCJDb2xvciI6eyIkaWQiOiIy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aWQiOiIyNzQiLCJDb2xvciI6eyIkcmVmIjoiMjM4In19LCJJc1Zpc2libGUiOnRydWUsIldpZHRoIjowLjAsIkhlaWdodCI6MC4wLCJCb3JkZXJTdHlsZSI6eyIkaWQiOiIyNzUiLCJMaW5lQ29sb3IiOm51bGwsIkxpbmVXZWlnaHQiOjAuMCwiTGluZVR5cGUiOjAsIlBhcmVudFN0eWxlIjpudWxsfSwiUGFyZW50U3R5bGUiOm51bGx9LCJEYXRlRm9ybWF0Ijp7IiRpZCI6IjI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TIiLCJUb3AiOjAsIkxlZnQiOjAsIlJpZ2h0IjowLCJCb3R0b20iOjB9LCJQYWRkaW5nIjp7IiRpZCI6IjMxMyIsIlRvcCI6MCwiTGVmdCI6MCwiUmlnaHQiOjAsIkJvdHRvbSI6MH0sIkJhY2tncm91bmQiOnsiJGlkIjoiMzE0IiwiQ29sb3IiOnsiJHJlZiI6IjI4NiJ9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aWQiOiIz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MCIsIlRvcCI6MCwiTGVmdCI6MCwiUmlnaHQiOjAsIkJvdHRvbSI6MH0sIlBhZGRpbmciOnsiJGlkIjoiMzIxIiwiVG9wIjowLCJMZWZ0IjowLCJSaWdodCI6MCwiQm90dG9tIjowfSwiQmFja2dyb3VuZCI6eyIkaWQiOiIzMjIiLCJDb2xvciI6eyIkcmVmIjoiMjg2In19LCJJc1Zpc2libGUiOnRydWUsIldpZHRoIjowLjAsIkhlaWdodCI6MC4wLCJCb3JkZXJTdHlsZSI6eyIkaWQiOiIzMjMiLCJMaW5lQ29sb3IiOm51bGwsIkxpbmVXZWlnaHQiOjAuMCwiTGluZVR5cGUiOjAsIlBhcmVudFN0eWxlIjpudWxsfSwiUGFyZW50U3R5bGUiOm51bGx9LCJEYXRlRm9ybWF0Ijp7IiRpZCI6IjM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MzMyIsIk1hcmdpbiI6eyIkcmVmIjoiMTQzIn0sIlBhZGRpbmciOnsiJHJlZiI6IjE0NCJ9LCJCYWNrZ3JvdW5kIjp7IiRpZCI6IjMzNCIsIkNvbG9yIjp7IiRpZCI6IjMzNSIsIkEiOjEyNywiUiI6MTY1LCJHIjoxNjUsIkIiOjE2NX19LCJJc1Zpc2libGUiOmZhbHNlLCJXaWR0aCI6MC4wLCJIZWlnaHQiOjAuMCwiQm9yZGVyU3R5bGUiOnsiJGlkIjoiMzM2IiwiTGluZUNvbG9yIjp7IiRpZCI6IjMzNyIsIiR0eXBlIjoiTkxSRS5Db21tb24uRG9tLlNvbGlkQ29sb3JCcnVzaCwgTkxSRS5Db21tb24iLCJDb2xvciI6eyIkaWQiOiIzMzgiLCJBIjoyNTUsIlIiOjIxLCJHIjozNywiQiI6NjZ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MzM5IiwiTWFyZ2luIjp7IiRyZWYiOiIxNTMifSwiUGFkZGluZyI6eyIkcmVmIjoiMTU0In0sIkJhY2tncm91bmQiOnsiJGlkIjoiMzQwIiwiQ29sb3IiOnsiJGlkIjoiMzQxIiwiQSI6MzgsIlIiOjE2NSwiRyI6MTY1LCJCIjoxNjV9fSwiSXNWaXNpYmxlIjp0cnVlLCJXaWR0aCI6MC4wLCJIZWlnaHQiOjAuMCwiQm9yZGVyU3R5bGUiOnsiJGlkIjoiMzQyIiwiTGluZUNvbG9yIjp7IiRpZCI6IjM0MyIsIiR0eXBlIjoiTkxSRS5Db21tb24uRG9tLlNvbGlkQ29sb3JCcnVzaCwgTkxSRS5Db21tb24iLCJDb2xvciI6eyIkaWQiOiIzNDQiLCJBIjoyNTUsIlIiOjIxLCJHIjozNywiQiI6NjZ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Q1IiwiX2F0dGFjaGVkTWlsZXN0b25lcyI6W10sIlRhc2tEZWZpbml0aW9uIjp7IiRpZCI6IjM0NiIsIkdyb3VwTmFtZSI6bnVsbCwiU3RhcnREYXRlIjoiMjAyMC0wNS0wMVQwMDowMDowMFoiLCJFbmREYXRlIjoiMjAyMC0wNi0zMFQyMzo1OTowMFoiLCJQZXJjZW50YWdlQ29tcGxldGUiOm51bGwsIlN0eWxlIjp7IiRpZCI6IjM0NyIsIlNoYXBlIjoxLCJTaGFwZVRoaWNrbmVzcyI6MC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kiLCJUb3AiOjAsIkxlZnQiOjAsIlJpZ2h0IjowLCJCb3R0b20iOjB9LCJQYWRkaW5nIjp7IiRpZCI6IjM2MCIsIlRvcCI6MCwiTGVmdCI6MCwiUmlnaHQiOjAsIkJvdHRvbSI6MH0sIkJhY2tncm91bmQiOnsiJGlkIjoiMzYxIiwiQ29sb3IiOnsiJHJlZiI6IjM1MyJ9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aWQiOiIzNjQiLCIkdHlwZSI6Ik5MUkUuQ29tbW9uLkRvbS5Tb2xpZENvbG9yQnJ1c2gsIE5MUkUuQ29tbW9uIiwiQ29sb3IiOnsiJGlkIjoiMzY1IiwiQSI6MjU1LCJSIjoyMDQsIkciOjIwNCwiQiI6MjA0fX0sIkxpbmVXZWlnaHQiOjEuMCwiTGluZVR5cGUiOjAsIlBhcmVudFN0eWxlIjpudWxsfSwiVmVydGljYWxDb25uZWN0b3JTdHlsZSI6eyIkaWQiOiIzNjYiLCJMaW5lQ29sb3IiOnsiJGlkIjoiMzY3IiwiJHR5cGUiOiJOTFJFLkNvbW1vbi5Eb20uU29saWRDb2xvckJydXNoLCBOTFJFLkNvbW1vbiIsIkNvbG9yIjp7IiRpZCI6IjM2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M2OSIsIk1hcmdpbiI6eyIkaWQiOiIzNzAiLCJUb3AiOjAsIkxlZnQiOjQsIlJpZ2h0Ijo0LCJCb3R0b20iOjB9LCJQYWRkaW5nIjp7IiRpZCI6IjM3MSIsIlRvcCI6MCwiTGVmdCI6MCwiUmlnaHQiOjAsIkJvdHRvbSI6MH0sIkJhY2tncm91bmQiOnsiJHJlZiI6IjEwNiJ9LCJJc1Zpc2libGUiOnRydWUsIldpZHRoIjowLjAsIkhlaWdodCI6MTA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udWxsfSwiVGl0bGVTdHlsZSI6eyIkaWQiOiIzNzUiLCJGb250U2V0dGluZ3MiOnsiJGlkIjoiMzc2IiwiRm9udFNpemUiOjExLCJGb250TmFtZSI6IkNhbGlicmkiLCJJc0JvbGQiOnRydWUsIklzSXRhbGljIjpmYWxzZSwiSXNVbmRlcmxpbmVkIjpmYWxzZSwiUGFyZW50U3R5bGUiOm51bGx9LCJBdXRvU2l6ZSI6MCwiRm9yZWdyb3VuZCI6eyIkaWQiOiIzNzciLCJDb2xvciI6eyIkaWQiOiIzNz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ciLCJUb3AiOjAsIkxlZnQiOjAsIlJpZ2h0IjowLCJCb3R0b20iOjB9LCJQYWRkaW5nIjp7IiRpZCI6IjM4OCIsIlRvcCI6MCwiTGVmdCI6MCwiUmlnaHQiOjAsIkJvdHRvbSI6MH0sIkJhY2tncm91bmQiOnsiJGlkIjoiMzg5IiwiQ29sb3IiOnsiJHJlZiI6IjM1MyJ9fSwiSXNWaXNpYmxlIjp0cnVlLCJXaWR0aCI6MC4wLCJIZWlnaHQiOjAuMCwiQm9yZGVyU3R5bGUiOnsiJGlkIjoiMzkwIiwiTGluZUNvbG9yIjpudWxsLCJMaW5lV2VpZ2h0IjowLjAsIkxpbmVUeXBlIjowLCJQYXJlbnRTdHlsZSI6bnVsbH0sIlBhcmVudFN0eWxlIjpudWxsfSwiRGF0ZUZvcm1hdCI6eyIkaWQiOiIz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jciLCJUb3AiOjAsIkxlZnQiOjAsIlJpZ2h0IjowLCJCb3R0b20iOjB9LCJQYWRkaW5nIjp7IiRpZCI6IjQyOCIsIlRvcCI6MCwiTGVmdCI6MCwiUmlnaHQiOjAsIkJvdHRvbSI6MH0sIkJhY2tncm91bmQiOnsiJGlkIjoiNDI5IiwiQ29sb3IiOnsiJHJlZiI6IjQwMSJ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aWQiOiI0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NSIsIlRvcCI6MCwiTGVmdCI6MCwiUmlnaHQiOjAsIkJvdHRvbSI6MH0sIlBhZGRpbmciOnsiJGlkIjoiNDM2IiwiVG9wIjowLCJMZWZ0IjowLCJSaWdodCI6MCwiQm90dG9tIjowfSwiQmFja2dyb3VuZCI6eyIkaWQiOiI0MzciLCJDb2xvciI6eyIkcmVmIjoiNDAxIn19LCJJc1Zpc2libGUiOnRydWUsIldpZHRoIjowLjAsIkhlaWdodCI6MC4wLCJCb3JkZXJTdHlsZSI6eyIkaWQiOiI0MzgiLCJMaW5lQ29sb3IiOm51bGwsIkxpbmVXZWlnaHQiOjAuMCwiTGluZVR5cGUiOjAsIlBhcmVudFN0eWxlIjpudWxsfSwiUGFyZW50U3R5bGUiOm51bGx9LCJEYXRlRm9ybWF0Ijp7IiRpZCI6IjQ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0NiIsIkxpbmVDb2xvciI6bnVsbCwiTGluZVdlaWdodCI6MC4wLCJMaW5lVHlwZSI6MCwiUGFyZW50U3R5bGUiOm51bGx9LCJQYXJlbnRTdHlsZSI6bnVsbH0sIkR1cmF0aW9uU3R5bGUiOnsiJGlkIjoiNDQ3IiwiRm9udFNldHRpbmdzIjp7IiRpZCI6IjQ0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Q5IiwiTGluZUNvbG9yIjpudWxsLCJMaW5lV2VpZ2h0IjowLjAsIkxpbmVUeXBlIjowLCJQYXJlbnRTdHlsZSI6bnVsbH0sIlBhcmVudFN0eWxlIjpudWxsfSwiSG9yaXpvbnRhbENvbm5lY3RvclN0eWxlIjp7IiRpZCI6IjQ1MCIsIkxpbmVDb2xvciI6eyIkcmVmIjoiOTgifSwiTGluZVdlaWdodCI6MS4wLCJMaW5lVHlwZSI6MCwiUGFyZW50U3R5bGUiOm51bGx9LCJWZXJ0aWNhbENvbm5lY3RvclN0eWxlIjp7IiRpZCI6IjQ1M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xMCwiRm9udE5hbWUiOiJDYWxpYnJpIiwiSXNCb2xkIjpmYWxzZSwiSXNJdGFsaWMiOmZhbHNlLCJJc1VuZGVybGluZWQiOmZhbHNlLCJQYXJlbnRTdHlsZSI6bnVsbH0sIkF1dG9TaXplIjowLCJGb3JlZ3JvdW5kIjp7IiRpZCI6IjQ2MSIsIkNvbG9yIjp7IiRpZCI6IjQ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3MSIsIkxpbmVDb2xvciI6bnVsbCwiTGluZVdlaWdodCI6MC4wLCJMaW5lVHlwZSI6MCwiUGFyZW50U3R5bGUiOm51bGx9LCJQYXJlbnRTdHlsZSI6bnVsbH0sIkR1cmF0aW9uU3R5bGUiOnsiJGlkIjoiNDcyIiwiRm9udFNldHRpbmdzIjp7IiRpZCI6IjQ3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I1IiwiVG9wIjowLCJMZWZ0IjowLCJSaWdodCI6MCwiQm90dG9tIjowfSwiUGFkZGluZyI6eyIkaWQiOiI1MjYiLCJUb3AiOjAsIkxlZnQiOjAsIlJpZ2h0IjowLCJCb3R0b20iOjB9LCJCYWNrZ3JvdW5kIjp7IiRpZCI6IjUyNyIsIkNvbG9yIjp7IiRyZWYiOiI0OTkifX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EwLCJGb250TmFtZSI6IkNhbGlicmkiLCJJc0JvbGQiOmZhbHNlLCJJc0l0YWxpYyI6ZmFsc2UsIklzVW5kZXJsaW5lZCI6ZmFsc2UsIlBhcmVudFN0eWxlIjpudWxsfSwiQXV0b1NpemUiOjAsIkZvcmVncm91bmQiOnsiJGlkIjoiNTMxIiwiQ29sb3IiOnsiJGlkIjoi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GlkIjoiNTM1IiwiQ29sb3IiOnsiJHJlZiI6IjQ5OSJ9fSwiSXNWaXNpYmxlIjp0cnVlLCJXaWR0aCI6MC4wLCJIZWlnaHQiOjAuMCwiQm9yZGVyU3R5bGUiOnsiJGlkIjoiNTM2IiwiTGluZUNvbG9yIjpudWxsLCJMaW5lV2VpZ2h0IjowLjAsIkxpbmVUeXBlIjowLCJQYXJlbnRTdHlsZSI6bnVsbH0sIlBhcmVudFN0eWxlIjpudWxsfSwiRGF0ZUZvcm1hdCI6eyIkaWQiOiI1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Q0IiwiTGluZUNvbG9yIjpudWxsLCJMaW5lV2VpZ2h0IjowLjAsIkxpbmVUeXBlIjowLCJQYXJlbnRTdHlsZSI6bnVsbH0sIlBhcmVudFN0eWxlIjpudWxsfSwiRHVyYXRpb25TdHlsZSI6eyIkaWQiOiI1NDUiLCJGb250U2V0dGluZ3MiOnsiJGlkIjoiNTQ2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DciLCJMaW5lQ29sb3IiOm51bGwsIkxpbmVXZWlnaHQiOjAuMCwiTGluZVR5cGUiOjAsIlBhcmVudFN0eWxlIjpudWxsfSwiUGFyZW50U3R5bGUiOm51bGx9LCJIb3Jpem9udGFsQ29ubmVjdG9yU3R5bGUiOnsiJGlkIjoiNTQ4IiwiTGluZUNvbG9yIjp7IiRyZWYiOiI5OCJ9LCJMaW5lV2VpZ2h0IjoxLjAsIkxpbmVUeXBlIjowLCJQYXJlbnRTdHlsZSI6bnVsbH0sIlZlcnRpY2FsQ29ubmVjdG9yU3R5bGUiOnsiJGlkIjoiNTQ5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U1NiIsIkxpbmVDb2xvciI6bnVsbCwiTGluZVdlaWdodCI6MC4wLCJMaW5lVHlwZSI6MCwiUGFyZW50U3R5bGUiOm51bGx9LCJQYXJlbnRTdHlsZSI6bnVsbH0sIkRhdGVTdHlsZSI6eyIkaWQiOiI1NTciLCJGb250U2V0dGluZ3MiOnsiJGlkIjoiNTU4IiwiRm9udFNpemUiOjEwLCJGb250TmFtZSI6IkNhbGlicmkiLCJJc0JvbGQiOmZhbHNlLCJJc0l0YWxpYyI6ZmFsc2UsIklzVW5kZXJsaW5lZCI6ZmFsc2UsIlBhcmVudFN0eWxlIjpudWxsfSwiQXV0b1NpemUiOjAsIkZvcmVncm91bmQiOnsiJGlkIjoiNTU5IiwiQ29sb3IiOnsiJGlkIjoiNT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YxIiwiTGluZUNvbG9yIjpudWxsLCJMaW5lV2VpZ2h0IjowLjAsIkxpbmVUeXBlIjowLCJQYXJlbnRTdHlsZSI6bnVsbH0sIlBhcmVudFN0eWxlIjpudWxsfSwiRGF0ZUZvcm1hdCI6eyIkaWQiOiI1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2IiwiVG9wIjowLCJMZWZ0IjowLCJSaWdodCI6MCwiQm90dG9tIjowfSwiUGFkZGluZyI6eyIkaWQiOiI2MDciLCJUb3AiOjAsIkxlZnQiOjAsIlJpZ2h0IjowLCJCb3R0b20iOjB9LCJCYWNrZ3JvdW5kIjp7IiRpZCI6IjYwOCIsIkNvbG9yIjp7IiRyZWYiOiI1NzIifX0sIklzVmlzaWJsZSI6dHJ1ZSwiV2lkdGgiOjAuMCwiSGVpZ2h0IjowLjAsIkJvcmRlclN0eWxlIjp7IiRpZCI6IjYwOSIsIkxpbmVDb2xvciI6bnVsbCwiTGluZVdlaWdodCI6MC4wLCJMaW5lVHlwZSI6MCwiUGFyZW50U3R5bGUiOm51bGx9LCJQYXJlbnRTdHlsZSI6bnVsbH0sIkRhdGVGb3JtYXQiOnsiJGlkIjoiNj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YxOSIsIk1hcmdpbiI6eyIkcmVmIjoiMTQzIn0sIlBhZGRpbmciOnsiJHJlZiI6IjE0NCJ9LCJCYWNrZ3JvdW5kIjp7IiRpZCI6IjYyMCIsIkNvbG9yIjp7IiRpZCI6IjYyMSIsIkEiOjEyNywiUiI6MCwiRyI6ODYsIkIiOjIyfX0sIklzVmlzaWJsZSI6ZmFsc2UsIldpZHRoIjowLjAsIkhlaWdodCI6MC4wLCJCb3JkZXJTdHlsZSI6eyIkaWQiOiI2MjIiLCJMaW5lQ29sb3IiOnsiJGlkIjoiNjIzIiwiJHR5cGUiOiJOTFJFLkNvbW1vbi5Eb20uU29saWRDb2xvckJydXNoLCBOTFJFLkNvbW1vbiIsIkNvbG9yIjp7IiRpZCI6IjYyNCIsIkEiOjI1NSwiUiI6ODgsIkciOjM5LCJCIjo3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YyNSIsIk1hcmdpbiI6eyIkcmVmIjoiMTUzIn0sIlBhZGRpbmciOnsiJHJlZiI6IjE1NCJ9LCJCYWNrZ3JvdW5kIjp7IiRpZCI6IjYyNiIsIkNvbG9yIjp7IiRpZCI6IjYyNyIsIkEiOjM4LCJSIjoyNiwiRyI6MTcwLCJCIjo2Nn19LCJJc1Zpc2libGUiOnRydWUsIldpZHRoIjowLjAsIkhlaWdodCI6MC4wLCJCb3JkZXJTdHlsZSI6eyIkaWQiOiI2MjgiLCJMaW5lQ29sb3IiOnsiJGlkIjoiNjI5IiwiJHR5cGUiOiJOTFJFLkNvbW1vbi5Eb20uU29saWRDb2xvckJydXNoLCBOTFJFLkNvbW1vbiIsIkNvbG9yIjp7IiRpZCI6IjYzMCIsIkEiOjI1NSwiUiI6ODgsIkciOjM5LCJCIjo3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YzMSIsIl9hdHRhY2hlZE1pbGVzdG9uZXMiOltdLCJUYXNrRGVmaW5pdGlvbiI6eyIkaWQiOiI2MzIiLCJHcm91cE5hbWUiOm51bGwsIlN0YXJ0RGF0ZSI6IjIwMjAtMDctMDFUMDA6MDA6MDBaIiwiRW5kRGF0ZSI6IjIwMjAtMDgtMzFUMjM6NTk6MDBaIiwiUGVyY2VudGFnZUNvbXBsZXRlIjpudWxsLCJTdHlsZSI6eyIkaWQiOiI2MzMiLCJTaGFwZSI6MSwiU2hhcGVUaGlja25lc3MiOjAsIkR1cmF0aW9uRm9ybWF0IjowLCJJbmNsdWRlTm9uV29ya2luZ0RheXNJbkR1cmF0aW9uIjpmYWxzZSwiUGVyY2VudGFnZUNvbXBsZXRlU3R5bGUiOnsiJGlkIjoiNjM0IiwiRm9udFNldHRpbmdzIjp7IiRpZCI6IjYz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M2IiwiTGluZUNvbG9yIjpudWxsLCJMaW5lV2VpZ2h0IjowLjAsIkxpbmVUeXBlIjowLCJQYXJlbnRTdHlsZSI6bnVsbH0sIlBhcmVudFN0eWxlIjpudWxsfSwiRHVyYXRpb25TdHlsZSI6eyIkaWQiOiI2MzciLCJGb250U2V0dGluZ3MiOnsiJGlkIjoiNjM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zkiLCJMaW5lQ29sb3IiOm51bGwsIkxpbmVXZWlnaHQiOjAuMCwiTGluZVR5cGUiOjAsIlBhcmVudFN0eWxlIjpudWxsfSwiUGFyZW50U3R5bGUiOm51bGx9LCJIb3Jpem9udGFsQ29ubmVjdG9yU3R5bGUiOnsiJGlkIjoiNjQwIiwiTGluZUNvbG9yIjp7IiRyZWYiOiI5OCJ9LCJMaW5lV2VpZ2h0IjoxLjAsIkxpbmVUeXBlIjowLCJQYXJlbnRTdHlsZSI6bnVsbH0sIlZlcnRpY2FsQ29ubmVjdG9yU3R5bGUiOnsiJGlkIjoiNjQx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jY2IiwiRm9udFNldHRpbmdzIjp7IiRpZCI6IjY2NyIsIkZvbnRTaXplIjoxMCwiRm9udE5hbWUiOiJDYWxpYnJpIiwiSXNCb2xkIjpmYWxzZSwiSXNJdGFsaWMiOmZhbHNlLCJJc1VuZGVybGluZWQiOmZhbHNlLCJQYXJlbnRTdHlsZSI6bnVsbH0sIkF1dG9TaXplIjowLCJGb3JlZ3JvdW5kIjp7IiRpZCI6IjY2OCIsIkNvbG9yIjp7IiRpZCI6IjY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Y4MSIsIkZvbnRTZXR0aW5ncyI6eyIkaWQiOiI2ODIiLCJGb250U2l6ZSI6MTAsIkZvbnROYW1lIjoiQ2FsaWJyaSIsIklzQm9sZCI6ZmFsc2UsIklzSXRhbGljIjpmYWxzZSwiSXNVbmRlcmxpbmVkIjpmYWxzZSwiUGFyZW50U3R5bGUiOm51bGx9LCJBdXRvU2l6ZSI6MCwiRm9yZWdyb3VuZCI6eyIkaWQiOiI2ODMiLCJDb2xvciI6eyIkaWQiOiI2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klzVmlzaWJsZSI6dHJ1ZSwiUGFyZW50U3R5bGUiOm51bGx9LCJIeXBlcmxpbmsiOnsiJGlkIjoiNzAwIiwiQWRkcmVzcyI6IiIsIlN1YkFkZHJlc3MiOiIifSwiSW1wb3J0SWQiOiIifV19XSwiTXNQcm9qZWN0SXRlbXNUcmVlIjp7IiRpZCI6IjcwMSIsIlJvb3QiOnsiSW1wb3J0SWQiOm51bGwsIklzSW1wb3J0ZWQiOmZhbHNlLCJDaGlsZHJlbiI6W119fSwiTWV0YWRhdGEiOnsiJGlkIjoiNzAyIiwiUmVjZW50Q29sb3JzQ29sbGVjdGlvbiI6IltdIn0sIlNldHRpbmdzIjp7IiRpZCI6IjcwMyIsIkltcGFPcHRpb25zIjp7IiRpZCI6Ijcw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wNS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1ff1975-023f-46b9-8e78-7ec8339d0163">
      <UserInfo>
        <DisplayName>McCoy, Chris</DisplayName>
        <AccountId>19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02E2B4D37794641BD19A3A7C92921B7" ma:contentTypeVersion="6" ma:contentTypeDescription="Create a new document." ma:contentTypeScope="" ma:versionID="014994751bd8fe9c63cf837d4e63d83b">
  <xsd:schema xmlns:xsd="http://www.w3.org/2001/XMLSchema" xmlns:xs="http://www.w3.org/2001/XMLSchema" xmlns:p="http://schemas.microsoft.com/office/2006/metadata/properties" xmlns:ns2="d28bd667-e166-455e-ac9b-d3333cce8950" xmlns:ns3="21ff1975-023f-46b9-8e78-7ec8339d0163" targetNamespace="http://schemas.microsoft.com/office/2006/metadata/properties" ma:root="true" ma:fieldsID="b6d25bffa014dfaa5f053ef9bc667a04" ns2:_="" ns3:_="">
    <xsd:import namespace="d28bd667-e166-455e-ac9b-d3333cce8950"/>
    <xsd:import namespace="21ff1975-023f-46b9-8e78-7ec8339d016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28bd667-e166-455e-ac9b-d3333cce895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ff1975-023f-46b9-8e78-7ec8339d0163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69AD345-B79D-4237-BBCC-B071E1241A06}">
  <ds:schemaRefs>
    <ds:schemaRef ds:uri="http://schemas.microsoft.com/office/2006/metadata/properties"/>
    <ds:schemaRef ds:uri="http://purl.org/dc/elements/1.1/"/>
    <ds:schemaRef ds:uri="http://schemas.microsoft.com/office/2006/documentManagement/types"/>
    <ds:schemaRef ds:uri="http://purl.org/dc/terms/"/>
    <ds:schemaRef ds:uri="http://schemas.microsoft.com/office/infopath/2007/PartnerControls"/>
    <ds:schemaRef ds:uri="d28bd667-e166-455e-ac9b-d3333cce8950"/>
    <ds:schemaRef ds:uri="21ff1975-023f-46b9-8e78-7ec8339d0163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DE9B09F-6195-46D9-95F4-F56E437AE66E}">
  <ds:schemaRefs>
    <ds:schemaRef ds:uri="21ff1975-023f-46b9-8e78-7ec8339d0163"/>
    <ds:schemaRef ds:uri="d28bd667-e166-455e-ac9b-d3333cce8950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B22B481E-891A-4DB1-ABBB-865A37E0512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18</TotalTime>
  <Words>240</Words>
  <Application>Microsoft Office PowerPoint</Application>
  <PresentationFormat>Widescreen</PresentationFormat>
  <Paragraphs>78</Paragraphs>
  <Slides>6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Arial Black</vt:lpstr>
      <vt:lpstr>Calibri</vt:lpstr>
      <vt:lpstr>Calibri Light</vt:lpstr>
      <vt:lpstr>1_Office Theme</vt:lpstr>
      <vt:lpstr> Integrated Communications Platform “a.k.a Teams Phone Transition”  </vt:lpstr>
      <vt:lpstr>So why is the UNT World doing this???</vt:lpstr>
      <vt:lpstr>PowerPoint Presentation</vt:lpstr>
      <vt:lpstr>Weekly Meetings</vt:lpstr>
      <vt:lpstr>Resources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grated Communications Platform “a.k.a Teams Phone Transition”</dc:title>
  <dc:creator>Rocha, Kevin</dc:creator>
  <cp:lastModifiedBy>Tasneem Ebrahimji</cp:lastModifiedBy>
  <cp:revision>8</cp:revision>
  <dcterms:created xsi:type="dcterms:W3CDTF">2020-10-12T16:10:10Z</dcterms:created>
  <dcterms:modified xsi:type="dcterms:W3CDTF">2020-11-20T15:04:24Z</dcterms:modified>
</cp:coreProperties>
</file>